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hidePivotFieldList="1" defaultThemeVersion="164011"/>
  <mc:AlternateContent xmlns:mc="http://schemas.openxmlformats.org/markup-compatibility/2006">
    <mc:Choice Requires="x15">
      <x15ac:absPath xmlns:x15ac="http://schemas.microsoft.com/office/spreadsheetml/2010/11/ac" url="C:\Users\s293063\Documents\"/>
    </mc:Choice>
  </mc:AlternateContent>
  <bookViews>
    <workbookView xWindow="0" yWindow="0" windowWidth="28800" windowHeight="11400"/>
  </bookViews>
  <sheets>
    <sheet name="Summary" sheetId="2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75" uniqueCount="352">
  <si>
    <t>Dept Level 4</t>
  </si>
  <si>
    <t>Dept Level 3</t>
  </si>
  <si>
    <t>Dept Level 2</t>
  </si>
  <si>
    <t>FISCAL_YEAR</t>
  </si>
  <si>
    <t>10038R    Chief Financial Officer</t>
  </si>
  <si>
    <t>10024R    Corporate Planning &amp; Budgeting</t>
  </si>
  <si>
    <t>10024    Corporate Planning &amp; Budgeting</t>
  </si>
  <si>
    <t>13535R    External Affairs</t>
  </si>
  <si>
    <t>13498R    Chief Customer Officer</t>
  </si>
  <si>
    <t>10357R    Customer Operations</t>
  </si>
  <si>
    <t>12916R    Energy Delivery</t>
  </si>
  <si>
    <t>10867R    Energy Delivery Engineering</t>
  </si>
  <si>
    <t>12646R    Transmission Engineering</t>
  </si>
  <si>
    <t>11433R    Treasury and Risk</t>
  </si>
  <si>
    <t>10279R    Treasury Operations</t>
  </si>
  <si>
    <t>12904R    Trans Field Services</t>
  </si>
  <si>
    <t>13696R    Trans Field Services East</t>
  </si>
  <si>
    <t>12630R    Economic &amp; Business Developmnt</t>
  </si>
  <si>
    <t>10559R    Chief Executive Officer</t>
  </si>
  <si>
    <t>10394R    Audit Services</t>
  </si>
  <si>
    <t>10394    Audit Services Admin Staff</t>
  </si>
  <si>
    <t>12428R    Customer Services Support</t>
  </si>
  <si>
    <t>11991R    Generation</t>
  </si>
  <si>
    <t>10004R    Generating Assets</t>
  </si>
  <si>
    <t>12831R    GET FSV Field Services</t>
  </si>
  <si>
    <t>10096R    Generating Assets APCo</t>
  </si>
  <si>
    <t>13844R    COO Admin &amp; Other</t>
  </si>
  <si>
    <t>12905R    Bus Ops &amp; Perf Assurance</t>
  </si>
  <si>
    <t>10683R    Real Estate &amp; Workplace Svcs</t>
  </si>
  <si>
    <t>10099R    Corporate Human Resources</t>
  </si>
  <si>
    <t>10727R    Corp Labor Relations</t>
  </si>
  <si>
    <t>10811R    Regulatory Services</t>
  </si>
  <si>
    <t>10811    Regulatory Services</t>
  </si>
  <si>
    <t>10591R    VP Eng Services</t>
  </si>
  <si>
    <t>12505R    Engineering Technologies</t>
  </si>
  <si>
    <t>10978R    Energy Delivery Operations</t>
  </si>
  <si>
    <t>10763R    Trans Operation Reliability</t>
  </si>
  <si>
    <t>10148R    Total Rewards</t>
  </si>
  <si>
    <t>11111R    Trans Operational Technology</t>
  </si>
  <si>
    <t>13263R    Utilities</t>
  </si>
  <si>
    <t>12358XR    Utility Operations Appalachian</t>
  </si>
  <si>
    <t>12358R    Utility Operations Appalachian</t>
  </si>
  <si>
    <t>12034R    SC Procurement&amp;Fleet Operation</t>
  </si>
  <si>
    <t>12561R    Fleet Operations</t>
  </si>
  <si>
    <t>11405R    Corporate Accounting</t>
  </si>
  <si>
    <t>11405    Chief Accounting Officer</t>
  </si>
  <si>
    <t>10914R    Project &amp; Construction Mgmt</t>
  </si>
  <si>
    <t>13032R    Transmission Projects</t>
  </si>
  <si>
    <t>11952R    GBS BPS Business Planning</t>
  </si>
  <si>
    <t>11952    GBS Generation Business Svs</t>
  </si>
  <si>
    <t>13770R    Chief Info &amp; Tech Officer</t>
  </si>
  <si>
    <t>13846R    Infrastructure Ops &amp; Support</t>
  </si>
  <si>
    <t>13946R    Infrastructure Engineering</t>
  </si>
  <si>
    <t>11060R    Distr asset Mgmt &amp; Op Support</t>
  </si>
  <si>
    <t>12673R    Chief Security Officer</t>
  </si>
  <si>
    <t>12678R    CyberSec Intelligence&amp;Defense</t>
  </si>
  <si>
    <t>11057R    Business Solutions 2</t>
  </si>
  <si>
    <t>12529R    Bus Solutions 2 SW Assets</t>
  </si>
  <si>
    <t>13845R    Business Solutions 1</t>
  </si>
  <si>
    <t>12596R    Customer Portfolio</t>
  </si>
  <si>
    <t>13921R    Enrgy Del &amp; Grid Solu Programs</t>
  </si>
  <si>
    <t>13979R    TFS Telecom Operations</t>
  </si>
  <si>
    <t>INACTIVATED    Departments</t>
  </si>
  <si>
    <t>12631    Distribution Services Admin</t>
  </si>
  <si>
    <t>10764R    Legal GC/Administration</t>
  </si>
  <si>
    <t>13344R    Legal Department</t>
  </si>
  <si>
    <t>13693R    Energy Delivery Engrg Svcs</t>
  </si>
  <si>
    <t>13666R    Grid Solutions</t>
  </si>
  <si>
    <t>13829R    Reg Infrastr Investmt Planning</t>
  </si>
  <si>
    <t>13709R    Trans Siting Outrch &amp; Proj ROW</t>
  </si>
  <si>
    <t>13695R    Trans Field Services West</t>
  </si>
  <si>
    <t>13793R    Fin Cntrls &amp;Strat Initiatives</t>
  </si>
  <si>
    <t>13701R    Trans Project Controls</t>
  </si>
  <si>
    <t>10828R    Distribution Central Depts</t>
  </si>
  <si>
    <t>13263    Utilities</t>
  </si>
  <si>
    <t>11256R    TFS Trans Technical Services</t>
  </si>
  <si>
    <t>13287R    Trans Tech Svcs Training</t>
  </si>
  <si>
    <t>10719R    Infrastructure &amp; Operations</t>
  </si>
  <si>
    <t>13423    Regulatoy Data and Automation</t>
  </si>
  <si>
    <t>13436    Crisis Response</t>
  </si>
  <si>
    <t>10491R    Project Solutions</t>
  </si>
  <si>
    <t>13440    Project Solutions Admin</t>
  </si>
  <si>
    <t>12756R    SC&amp;Procurement Transmission Op</t>
  </si>
  <si>
    <t>13941R    Infrastructure&amp;Application Ops</t>
  </si>
  <si>
    <t>13386R    Enterprise Innovation</t>
  </si>
  <si>
    <t>13583    Enterprise Innovation &amp; Tech</t>
  </si>
  <si>
    <t>13155R    Cyber Risk &amp; Security Services</t>
  </si>
  <si>
    <t>NONBU    Orgs Excluded from BU View</t>
  </si>
  <si>
    <t>99900    AEP Billings</t>
  </si>
  <si>
    <t>10004    Generating Assets</t>
  </si>
  <si>
    <t>12348R    Transmission Dispatch</t>
  </si>
  <si>
    <t>10773R    Environmental Services</t>
  </si>
  <si>
    <t>10676R    Land Env &amp; Remediation Svcs</t>
  </si>
  <si>
    <t>10200R    Air Quality Services</t>
  </si>
  <si>
    <t>10247R    Technology Assets</t>
  </si>
  <si>
    <t>10284R    Corporate Accounting Services</t>
  </si>
  <si>
    <t>10243R    Corporate Communications</t>
  </si>
  <si>
    <t>11423R    External Communications</t>
  </si>
  <si>
    <t>11950R    Plant Eng&amp;Compliance Programs</t>
  </si>
  <si>
    <t>10510    GET SLS RSO Safety</t>
  </si>
  <si>
    <t>13937R    EnrgyDel Portfolio &amp; Grid Ops</t>
  </si>
  <si>
    <t>12985R    Executive Admin</t>
  </si>
  <si>
    <t>10559    Chief Executive Officer Admin</t>
  </si>
  <si>
    <t>10591    VP Eng Services</t>
  </si>
  <si>
    <t>10883R    Mechanical Civil and Chem Eng</t>
  </si>
  <si>
    <t>10275R    Elec I&amp;C Project/ New Gen Eng</t>
  </si>
  <si>
    <t>10769R    Analytical Chemistry Services</t>
  </si>
  <si>
    <t>12084R    Internal Comm &amp; Comm Svcs</t>
  </si>
  <si>
    <t>11014    Dolan Technology Center</t>
  </si>
  <si>
    <t>11061R    Corp HR Information Systems</t>
  </si>
  <si>
    <t>11143    GET PPC Project Controls</t>
  </si>
  <si>
    <t>10666R    Generating Assets PSO</t>
  </si>
  <si>
    <t>11325R    Comm, Derivative&amp;Energy Acctng</t>
  </si>
  <si>
    <t>12304R    CFO Admin</t>
  </si>
  <si>
    <t>11535R    Incentive Accruals FASP</t>
  </si>
  <si>
    <t>11611R    GIN Inactive Node</t>
  </si>
  <si>
    <t>11902    GBS Project Accounting</t>
  </si>
  <si>
    <t>11515R    Corp Safety &amp; Health</t>
  </si>
  <si>
    <t>11977    S&amp;H Contractor Oversight</t>
  </si>
  <si>
    <t>11991    GEN EVP Generation</t>
  </si>
  <si>
    <t>12003R    GBS BPS Business Process</t>
  </si>
  <si>
    <t>12034    SC Procurement&amp;Fleet Ops Admin</t>
  </si>
  <si>
    <t>12162R    Reg Commercial Operations</t>
  </si>
  <si>
    <t>12162    Reg Commercial Operations Adm</t>
  </si>
  <si>
    <t>12969R    Fuel Procurement</t>
  </si>
  <si>
    <t>12677R    Physical Security</t>
  </si>
  <si>
    <t>12369XR    Utility Operations Ohio</t>
  </si>
  <si>
    <t>12369R    Utility Operations Ohio</t>
  </si>
  <si>
    <t>11804R    Productvty,Collaboratn&amp;SvcMgmt</t>
  </si>
  <si>
    <t>13924R    Generation &amp; Project Mgmt</t>
  </si>
  <si>
    <t>13888R    Infrastructure Eng Asset</t>
  </si>
  <si>
    <t>12673    Chief Security Officer Admin</t>
  </si>
  <si>
    <t>12920R    Strategy &amp; Transformation Oper</t>
  </si>
  <si>
    <t>12920    Portfolio Optimization</t>
  </si>
  <si>
    <t>13257R    Gen Major Projects West</t>
  </si>
  <si>
    <t>13358R    Commercial &amp;Financial Analysis</t>
  </si>
  <si>
    <t>13422R    WrkAssetMgmt, SS Prog&amp;Delivery</t>
  </si>
  <si>
    <t>13426    Customer Solutions</t>
  </si>
  <si>
    <t>13428R    Energy Delivery Grid Devel</t>
  </si>
  <si>
    <t>13428    Energy Delivery Grid Devel</t>
  </si>
  <si>
    <t>13458R    Security Controls Management</t>
  </si>
  <si>
    <t>12562R    SC Center of Excellence</t>
  </si>
  <si>
    <t>13890R    Telecom Eng Projects</t>
  </si>
  <si>
    <t>13534    Regulatory State Case Mgnt</t>
  </si>
  <si>
    <t>13535    External Affairs Admin</t>
  </si>
  <si>
    <t>12900R    Trans Construction Mgmt</t>
  </si>
  <si>
    <t>13654R    Charge</t>
  </si>
  <si>
    <t>10099    Corporate Human Res Admin</t>
  </si>
  <si>
    <t>10254    Aviation</t>
  </si>
  <si>
    <t>12548R    Telecom Engineering</t>
  </si>
  <si>
    <t>11145R    Transmission Projects</t>
  </si>
  <si>
    <t>11177    Transm Reliability Compliance</t>
  </si>
  <si>
    <t>11418R    Creative Services</t>
  </si>
  <si>
    <t>12210R    HR Corporate &amp; Field</t>
  </si>
  <si>
    <t>13847R    Tech Planning &amp; Governance</t>
  </si>
  <si>
    <t>13849R    Technology Enterprise Planning</t>
  </si>
  <si>
    <t>12580    Tech Enterprise Architecture</t>
  </si>
  <si>
    <t>13443R    Data,Analytics,Integratn,Test</t>
  </si>
  <si>
    <t>12583R    Field Mobility</t>
  </si>
  <si>
    <t>12884R    Transmission Field Services</t>
  </si>
  <si>
    <t>13353    Corporate Procurement</t>
  </si>
  <si>
    <t>13371R    Cyber Sec Assessments &amp; Design</t>
  </si>
  <si>
    <t>13424    RTO/NERC/RegulatoryIssues Mgmt</t>
  </si>
  <si>
    <t>13536    FERC Regulatory Department</t>
  </si>
  <si>
    <t>13592R    Trans Risk, Process &amp; Systems</t>
  </si>
  <si>
    <t>99910    Billings to Assoc Cos</t>
  </si>
  <si>
    <t>12830R    Corporate Communications Admin</t>
  </si>
  <si>
    <t>10330R    Ethics and Compliance</t>
  </si>
  <si>
    <t>10370    Chief Adminstratv Offcr Admin</t>
  </si>
  <si>
    <t>13000R    Dist Engineering &amp; Ops Systems</t>
  </si>
  <si>
    <t>10502R    Water&amp;Ecolog Resource Svcs</t>
  </si>
  <si>
    <t>10562    Federal Affairs</t>
  </si>
  <si>
    <t>10773    Environmental Services</t>
  </si>
  <si>
    <t>11445R    Talent Management</t>
  </si>
  <si>
    <t>11341R    Workforce Diversity</t>
  </si>
  <si>
    <t>11346    Contract/Distribution Forestry</t>
  </si>
  <si>
    <t>12497R    Telecommunications</t>
  </si>
  <si>
    <t>12149    Telecom SupplyChain StoresArea</t>
  </si>
  <si>
    <t>12494    Corp Contributions&amp;Memberships</t>
  </si>
  <si>
    <t>12497    Telecommunications</t>
  </si>
  <si>
    <t>13254R    Energy Supply</t>
  </si>
  <si>
    <t>11511XR    Commercial Operations</t>
  </si>
  <si>
    <t>11511R    Commercial Operations</t>
  </si>
  <si>
    <t>12904    Trans Field Services</t>
  </si>
  <si>
    <t>12916    Energy Delivery Admin</t>
  </si>
  <si>
    <t>13068R    Pricing &amp; Analysis</t>
  </si>
  <si>
    <t>13127R    Reg Infrastructure Development</t>
  </si>
  <si>
    <t>13386    Enterprise Innovation</t>
  </si>
  <si>
    <t>13591R    Trans Perf Rpt Anly Prcs Cntrl</t>
  </si>
  <si>
    <t>13664    Future of Work</t>
  </si>
  <si>
    <t>10525    Investor Relations</t>
  </si>
  <si>
    <t>11057    Business Solutions 2</t>
  </si>
  <si>
    <t>10203R    Safety&amp;Health-Utility Ops</t>
  </si>
  <si>
    <t>10276R    Process &amp; Transmission Safety</t>
  </si>
  <si>
    <t>10674    Operational/Financial/ITAudits</t>
  </si>
  <si>
    <t>OLD/INACTIVE    Corp Planning Depts</t>
  </si>
  <si>
    <t>10265R    Accounting Services</t>
  </si>
  <si>
    <t>13872R    Bus Solutions 1 SW Assets</t>
  </si>
  <si>
    <t>12551R    IT Demand Management</t>
  </si>
  <si>
    <t>13934R    Security &amp; Content Solutions</t>
  </si>
  <si>
    <t>13706R    SC&amp;Procurement Distribution Op</t>
  </si>
  <si>
    <t>12425R    Cust Initiatives PMO</t>
  </si>
  <si>
    <t>13949R    Network and Cloud Engineering</t>
  </si>
  <si>
    <t>13024    Trans Project Estimating</t>
  </si>
  <si>
    <t>13542    Talent Acquisition</t>
  </si>
  <si>
    <t>13907R    Mobile &amp; Web COE</t>
  </si>
  <si>
    <t>10038    Chief Financial Officer Admin</t>
  </si>
  <si>
    <t>10610R    Nuclear Generation</t>
  </si>
  <si>
    <t>10610    Nuclear Generation</t>
  </si>
  <si>
    <t>10970R    Energy Delivery Finance</t>
  </si>
  <si>
    <t>10970    Energy Delivery Finance</t>
  </si>
  <si>
    <t>11149R    Cust Strategy &amp; Insights</t>
  </si>
  <si>
    <t>11382    Environmnt Safety&amp;HealthAudits</t>
  </si>
  <si>
    <t>13757R    Finance Business Services</t>
  </si>
  <si>
    <t>12139    Tax Entries &amp; Payments</t>
  </si>
  <si>
    <t>12314    Resource Plng &amp; Oper Anlys</t>
  </si>
  <si>
    <t>13912R    Finance &amp; ServiceNow Portfolio</t>
  </si>
  <si>
    <t>12868    GBS Document Management</t>
  </si>
  <si>
    <t>13357R    Real Time Operations</t>
  </si>
  <si>
    <t>13690R    Risk Operations</t>
  </si>
  <si>
    <t>11353R    SC&amp;Procurement Generation Op</t>
  </si>
  <si>
    <t>10981R    GET PCF Construction Services</t>
  </si>
  <si>
    <t>11390R    Corporate Financial Reporting</t>
  </si>
  <si>
    <t>13589    Transmission Telecom</t>
  </si>
  <si>
    <t>99920    Billings from Assoc Cos</t>
  </si>
  <si>
    <t>10316R    GET Eng Civil</t>
  </si>
  <si>
    <t>12313R    Regulatory Case Management</t>
  </si>
  <si>
    <t>10631R    ED Operations Support</t>
  </si>
  <si>
    <t>12523R    Telecom Assets</t>
  </si>
  <si>
    <t>13256R    Gen Performance Improvement</t>
  </si>
  <si>
    <t>11433    Treasury and Risk</t>
  </si>
  <si>
    <t>11515    Corp Safety &amp; Health</t>
  </si>
  <si>
    <t>10509R    Community Rel. &amp; Mktg. Comms.</t>
  </si>
  <si>
    <t>12905    Bus Ops &amp; Perf Assurance</t>
  </si>
  <si>
    <t>12919    Economic Forecasting</t>
  </si>
  <si>
    <t>10196    Corp Industrial Hygiene</t>
  </si>
  <si>
    <t>12689    HR Business Solutions&amp;Strategy</t>
  </si>
  <si>
    <t>12908R    Inactive Depts</t>
  </si>
  <si>
    <t>12935R    Transmission Meter Operations</t>
  </si>
  <si>
    <t>10149    Contract Audits</t>
  </si>
  <si>
    <t>10978    Energy Delivery Operations Adm</t>
  </si>
  <si>
    <t>10393R    Tax Services</t>
  </si>
  <si>
    <t>10393    Tax Services</t>
  </si>
  <si>
    <t>10910R    Chairman Incentives</t>
  </si>
  <si>
    <t>10910    Incentv Acrl CEO</t>
  </si>
  <si>
    <t>11836R    ED Incentive Accruals</t>
  </si>
  <si>
    <t>12734    Corporate Sustainability</t>
  </si>
  <si>
    <t>13498    Chief Customer Officer</t>
  </si>
  <si>
    <t>13253    Operations &amp; Perfor Transform</t>
  </si>
  <si>
    <t>13474R    Trans Capital Controls</t>
  </si>
  <si>
    <t>10283    Incentv Acrl CAO</t>
  </si>
  <si>
    <t>10914    Project &amp; Construct Mgmt Admin</t>
  </si>
  <si>
    <t>12138    GBS Gen Reporting &amp; Analysis</t>
  </si>
  <si>
    <t>10241    GET FSV RSO QAQC Region 1-3</t>
  </si>
  <si>
    <t>13354    CAPS</t>
  </si>
  <si>
    <t>11978R    Safety &amp; Health - Generation</t>
  </si>
  <si>
    <t>13260    Reg Svcs - External Affairs OH</t>
  </si>
  <si>
    <t>10867    Energy Delivery Engineer Admin</t>
  </si>
  <si>
    <t>10997R    Cook Plant Nuclear All</t>
  </si>
  <si>
    <t>11905R    Cook Plant Support Services</t>
  </si>
  <si>
    <t>12813    ENV Management Systems</t>
  </si>
  <si>
    <t>12984    USTI - Billing</t>
  </si>
  <si>
    <t>10894    Corp HR Admin Benefits</t>
  </si>
  <si>
    <t>12897    Transm Opers Capital Projects</t>
  </si>
  <si>
    <t>12918    Fundamental Analysis</t>
  </si>
  <si>
    <t>10130R    Major Projects East</t>
  </si>
  <si>
    <t>13663    GBS Performance &amp; Analytics</t>
  </si>
  <si>
    <t>13666    Grid Solutions Admin</t>
  </si>
  <si>
    <t>13674R    Energy Delivery IT/OT</t>
  </si>
  <si>
    <t>13674    Energy Delivery IT/OT</t>
  </si>
  <si>
    <t>12354R    Operational Support</t>
  </si>
  <si>
    <t>99952    Finance</t>
  </si>
  <si>
    <t>13401    Trans Reliability Assurance</t>
  </si>
  <si>
    <t>11795    SCBS Overhead Loadings</t>
  </si>
  <si>
    <t>12752    CTD Investments</t>
  </si>
  <si>
    <t>10632R    Regulated Generation</t>
  </si>
  <si>
    <t>13537    Incentive Accrual EA</t>
  </si>
  <si>
    <t>99955    AEPSC Coal Lab Clearing</t>
  </si>
  <si>
    <t>12378XR    Utility Operations I&amp;M</t>
  </si>
  <si>
    <t>12378R    Utility Operations I&amp;M</t>
  </si>
  <si>
    <t>12812    Incentive Acrl Comm Ops</t>
  </si>
  <si>
    <t>13254    Energy Supply Admin</t>
  </si>
  <si>
    <t>13184R    Trans Strategy, Plng &amp; Bus Dev</t>
  </si>
  <si>
    <t>13699R    FERC/RTO Strategy &amp; Policy</t>
  </si>
  <si>
    <t>13384    Inventory Write-Off</t>
  </si>
  <si>
    <t>13689    RTO Reg Services</t>
  </si>
  <si>
    <t>11487R    OVEC/IKEC</t>
  </si>
  <si>
    <t>11487    OVEC/IKEC</t>
  </si>
  <si>
    <t>10111    GET TPG RSO SEast</t>
  </si>
  <si>
    <t>11013    Information Technology Audits</t>
  </si>
  <si>
    <t>13863R    Tech Plan &amp; Gov Assets</t>
  </si>
  <si>
    <t>13742    Env Risk Management</t>
  </si>
  <si>
    <t>12672R    Tech Capital Projects</t>
  </si>
  <si>
    <t>11939    Retiree Charges SHSVC</t>
  </si>
  <si>
    <t>12388XR    Kentucky Power Company</t>
  </si>
  <si>
    <t>12388R    Kentucky Power Company</t>
  </si>
  <si>
    <t>12960R    GET Eng New Gen Engineering</t>
  </si>
  <si>
    <t>12807    Bus Solutions 2 Asset Adjust</t>
  </si>
  <si>
    <t>11528R    Generating Assets SWEPCO</t>
  </si>
  <si>
    <t>13745    Telecom Rural Broadband</t>
  </si>
  <si>
    <t>12539    Trans Charge-Offs</t>
  </si>
  <si>
    <t>12397XR    Utility Operations Texas</t>
  </si>
  <si>
    <t>12397R    Utility Operations Texas</t>
  </si>
  <si>
    <t>13198    Trans - Forestry</t>
  </si>
  <si>
    <t>13754    Regulatory Strategy</t>
  </si>
  <si>
    <t>12415XR    Utility Operations SWEPCO</t>
  </si>
  <si>
    <t>12415R    Utility Operations SWEPCO</t>
  </si>
  <si>
    <t>13758    Regulatory Accounting Services</t>
  </si>
  <si>
    <t>10707R    HR Operational Svcs</t>
  </si>
  <si>
    <t>13770    Chief Info &amp; Tech Officer</t>
  </si>
  <si>
    <t>10828    UO Reg Planning/Budgeting</t>
  </si>
  <si>
    <t>13781    SCPFO Service Center</t>
  </si>
  <si>
    <t>13819R    S&amp;H IM Region</t>
  </si>
  <si>
    <t>13808R    S&amp;H OH Region</t>
  </si>
  <si>
    <t>13844    COO Admin</t>
  </si>
  <si>
    <t>13811R    S&amp;H VA/WV Region</t>
  </si>
  <si>
    <t>13823R    S&amp;H TX Region</t>
  </si>
  <si>
    <t>13842    Financial Planning</t>
  </si>
  <si>
    <t>13815R    S&amp;H SPP Region</t>
  </si>
  <si>
    <t>12096R    AEP River Operations</t>
  </si>
  <si>
    <t>13434    River Ops (Comm) Post-Sale</t>
  </si>
  <si>
    <t>13807    S&amp;H Analysis</t>
  </si>
  <si>
    <t>13841    Strategic Analysis</t>
  </si>
  <si>
    <t>13845    Business Solutions 1</t>
  </si>
  <si>
    <t>13846    Infrastructure Ops &amp; Support</t>
  </si>
  <si>
    <t>13847    Tech Planning &amp; Governance</t>
  </si>
  <si>
    <t>13848R    CIT - Customer Info Transform</t>
  </si>
  <si>
    <t>13855    Marketing and Brand</t>
  </si>
  <si>
    <t>12161R    Energy Marketing</t>
  </si>
  <si>
    <t>13852    BOPA Solution Delivery</t>
  </si>
  <si>
    <t>13884    Energy Delivery Grid Dev IT</t>
  </si>
  <si>
    <t>13862    Grid Solutions IT</t>
  </si>
  <si>
    <t>13885    Energy Delivery Finance IT</t>
  </si>
  <si>
    <t>13887    Transmission Field Svc IT</t>
  </si>
  <si>
    <t>13886    ED Ops Operational Technology</t>
  </si>
  <si>
    <t>12306R    Generating Assets I&amp;M/KP</t>
  </si>
  <si>
    <t>13915R    Automation &amp; Design COE</t>
  </si>
  <si>
    <t>13920R    SplyChn, Proc, Fleet Portfolio</t>
  </si>
  <si>
    <t>10237    Research Programs</t>
  </si>
  <si>
    <t>Grand Total</t>
  </si>
  <si>
    <t>10038R    Chief Financial Officer Total</t>
  </si>
  <si>
    <t>10559R    Chief Executive Officer Total</t>
  </si>
  <si>
    <t>10610R    Nuclear Generation Total</t>
  </si>
  <si>
    <t>11991R    Generation Total</t>
  </si>
  <si>
    <t>12916R    Energy Delivery Total</t>
  </si>
  <si>
    <t>13254R    Energy Supply Total</t>
  </si>
  <si>
    <t>13263R    Utilities Total</t>
  </si>
  <si>
    <t>13535R    External Affairs Total</t>
  </si>
  <si>
    <t>13770R    Chief Info &amp; Tech Officer Total</t>
  </si>
  <si>
    <t>13844R    COO Admin &amp; Other Total</t>
  </si>
  <si>
    <t>NONBU    Orgs Excluded from BU View Total</t>
  </si>
  <si>
    <t>Total Sum (Capital &amp; O&amp;M) Kentucky Power paid to AEPSC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6" formatCode="&quot;$&quot;#,##0_);[Red]\(&quot;$&quot;#,##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* #,##0_);_(* \(#,##0\);_(* &quot;-&quot;??_);_(@_)"/>
    <numFmt numFmtId="165" formatCode="_(&quot;$&quot;* #,##0_);_(&quot;$&quot;* \(#,##0\);_(&quot;$&quot;* &quot;-&quot;??_);_(@_)"/>
  </numFmts>
  <fonts count="3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3">
    <xf numFmtId="0" fontId="0" fillId="0" borderId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</cellStyleXfs>
  <cellXfs count="7">
    <xf numFmtId="0" fontId="0" fillId="0" borderId="0" xfId="0"/>
    <xf numFmtId="0" fontId="2" fillId="0" borderId="0" xfId="0" applyFont="1"/>
    <xf numFmtId="164" fontId="0" fillId="0" borderId="0" xfId="1" applyNumberFormat="1" applyFont="1"/>
    <xf numFmtId="165" fontId="2" fillId="0" borderId="0" xfId="2" applyNumberFormat="1" applyFont="1"/>
    <xf numFmtId="38" fontId="0" fillId="0" borderId="0" xfId="1" applyNumberFormat="1" applyFont="1"/>
    <xf numFmtId="6" fontId="2" fillId="0" borderId="0" xfId="2" applyNumberFormat="1" applyFont="1"/>
    <xf numFmtId="0" fontId="0" fillId="0" borderId="0" xfId="0" applyAlignment="1">
      <alignment horizontal="center"/>
    </xf>
  </cellXfs>
  <cellStyles count="3">
    <cellStyle name="Comma" xfId="1" builtinId="3"/>
    <cellStyle name="Currency" xfId="2" builtinId="4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autoPageBreaks="0"/>
  </sheetPr>
  <dimension ref="A2:F289"/>
  <sheetViews>
    <sheetView tabSelected="1" workbookViewId="0">
      <pane ySplit="4" topLeftCell="A5" activePane="bottomLeft" state="frozen"/>
      <selection pane="bottomLeft" activeCell="B301" sqref="B301"/>
    </sheetView>
  </sheetViews>
  <sheetFormatPr defaultRowHeight="14.5" outlineLevelRow="1" x14ac:dyDescent="0.35"/>
  <cols>
    <col min="1" max="1" width="40.26953125" bestFit="1" customWidth="1"/>
    <col min="2" max="2" width="39.453125" bestFit="1" customWidth="1"/>
    <col min="3" max="3" width="40.26953125" bestFit="1" customWidth="1"/>
    <col min="4" max="6" width="15.26953125" bestFit="1" customWidth="1"/>
  </cols>
  <sheetData>
    <row r="2" spans="1:6" x14ac:dyDescent="0.35">
      <c r="A2" s="1" t="s">
        <v>351</v>
      </c>
    </row>
    <row r="3" spans="1:6" x14ac:dyDescent="0.35">
      <c r="D3" s="6" t="s">
        <v>3</v>
      </c>
      <c r="E3" s="6"/>
      <c r="F3" s="6"/>
    </row>
    <row r="4" spans="1:6" x14ac:dyDescent="0.35">
      <c r="A4" s="1" t="s">
        <v>2</v>
      </c>
      <c r="B4" s="1" t="s">
        <v>1</v>
      </c>
      <c r="C4" s="1" t="s">
        <v>0</v>
      </c>
      <c r="D4" s="1">
        <v>2019</v>
      </c>
      <c r="E4" s="1">
        <v>2020</v>
      </c>
      <c r="F4" s="1">
        <v>2021</v>
      </c>
    </row>
    <row r="5" spans="1:6" outlineLevel="1" x14ac:dyDescent="0.35">
      <c r="A5" t="s">
        <v>4</v>
      </c>
      <c r="B5" t="s">
        <v>5</v>
      </c>
      <c r="C5" t="s">
        <v>6</v>
      </c>
      <c r="D5" s="2">
        <v>162100.45999999996</v>
      </c>
      <c r="E5" s="2">
        <v>154610.69999999992</v>
      </c>
      <c r="F5" s="2">
        <v>137831.1700000001</v>
      </c>
    </row>
    <row r="6" spans="1:6" outlineLevel="1" x14ac:dyDescent="0.35">
      <c r="C6" t="s">
        <v>215</v>
      </c>
      <c r="D6" s="2">
        <v>431783.20999999996</v>
      </c>
      <c r="E6" s="2">
        <v>327592.25999999995</v>
      </c>
      <c r="F6" s="2">
        <v>159700.51999999999</v>
      </c>
    </row>
    <row r="7" spans="1:6" outlineLevel="1" x14ac:dyDescent="0.35">
      <c r="C7" t="s">
        <v>264</v>
      </c>
      <c r="D7" s="2">
        <v>16088.979999999996</v>
      </c>
      <c r="E7" s="2">
        <v>12810.910000000002</v>
      </c>
      <c r="F7" s="2">
        <v>20443.000000000007</v>
      </c>
    </row>
    <row r="8" spans="1:6" outlineLevel="1" x14ac:dyDescent="0.35">
      <c r="C8" t="s">
        <v>234</v>
      </c>
      <c r="D8" s="2">
        <v>77027.709999999977</v>
      </c>
      <c r="E8" s="2">
        <v>71765.409999999945</v>
      </c>
      <c r="F8" s="2">
        <v>72471.100000000006</v>
      </c>
    </row>
    <row r="9" spans="1:6" outlineLevel="1" x14ac:dyDescent="0.35">
      <c r="C9" t="s">
        <v>317</v>
      </c>
      <c r="D9" s="2"/>
      <c r="E9" s="2"/>
      <c r="F9" s="2">
        <v>448107.73000000021</v>
      </c>
    </row>
    <row r="10" spans="1:6" outlineLevel="1" x14ac:dyDescent="0.35">
      <c r="C10" t="s">
        <v>195</v>
      </c>
      <c r="D10" s="2">
        <v>482388.94000000053</v>
      </c>
      <c r="E10" s="2">
        <v>412361.46999999991</v>
      </c>
      <c r="F10" s="2">
        <v>1678.0499999999997</v>
      </c>
    </row>
    <row r="11" spans="1:6" outlineLevel="1" x14ac:dyDescent="0.35">
      <c r="B11" t="s">
        <v>241</v>
      </c>
      <c r="C11" t="s">
        <v>242</v>
      </c>
      <c r="D11" s="2">
        <v>465491.87000000011</v>
      </c>
      <c r="E11" s="2">
        <v>460248.70999999961</v>
      </c>
      <c r="F11" s="2">
        <v>467260.87000000005</v>
      </c>
    </row>
    <row r="12" spans="1:6" outlineLevel="1" x14ac:dyDescent="0.35">
      <c r="B12" t="s">
        <v>190</v>
      </c>
      <c r="C12" t="s">
        <v>190</v>
      </c>
      <c r="D12" s="2">
        <v>47943.319999999992</v>
      </c>
      <c r="E12" s="2">
        <v>40596.530000000006</v>
      </c>
      <c r="F12" s="2">
        <v>43068.63</v>
      </c>
    </row>
    <row r="13" spans="1:6" outlineLevel="1" x14ac:dyDescent="0.35">
      <c r="B13" t="s">
        <v>44</v>
      </c>
      <c r="C13" t="s">
        <v>196</v>
      </c>
      <c r="D13" s="2">
        <v>265569.24999999994</v>
      </c>
      <c r="E13" s="2">
        <v>234710.0100000001</v>
      </c>
      <c r="F13" s="2">
        <v>1280.7</v>
      </c>
    </row>
    <row r="14" spans="1:6" outlineLevel="1" x14ac:dyDescent="0.35">
      <c r="C14" t="s">
        <v>95</v>
      </c>
      <c r="D14" s="2">
        <v>389563.83</v>
      </c>
      <c r="E14" s="2">
        <v>247166.59000000003</v>
      </c>
      <c r="F14" s="2">
        <v>571865.62999999954</v>
      </c>
    </row>
    <row r="15" spans="1:6" outlineLevel="1" x14ac:dyDescent="0.35">
      <c r="C15" t="s">
        <v>112</v>
      </c>
      <c r="D15" s="2">
        <v>143303.43000000008</v>
      </c>
      <c r="E15" s="2">
        <v>101965.18000000009</v>
      </c>
      <c r="F15" s="2">
        <v>412.18999999999994</v>
      </c>
    </row>
    <row r="16" spans="1:6" outlineLevel="1" x14ac:dyDescent="0.35">
      <c r="C16" t="s">
        <v>222</v>
      </c>
      <c r="D16" s="2">
        <v>164301.18000000002</v>
      </c>
      <c r="E16" s="2">
        <v>129950.02999999993</v>
      </c>
      <c r="F16" s="2">
        <v>114770.87000000004</v>
      </c>
    </row>
    <row r="17" spans="1:6" outlineLevel="1" x14ac:dyDescent="0.35">
      <c r="C17" t="s">
        <v>45</v>
      </c>
      <c r="D17" s="2">
        <v>687056.41999999981</v>
      </c>
      <c r="E17" s="2">
        <v>374102.81000000006</v>
      </c>
      <c r="F17" s="2">
        <v>272742.50000000012</v>
      </c>
    </row>
    <row r="18" spans="1:6" outlineLevel="1" x14ac:dyDescent="0.35">
      <c r="C18" t="s">
        <v>213</v>
      </c>
      <c r="D18" s="2">
        <v>81460.710000000021</v>
      </c>
      <c r="E18" s="2">
        <v>124982.1299999999</v>
      </c>
      <c r="F18" s="2">
        <v>179262.04000000012</v>
      </c>
    </row>
    <row r="19" spans="1:6" outlineLevel="1" x14ac:dyDescent="0.35">
      <c r="C19" t="s">
        <v>307</v>
      </c>
      <c r="D19" s="2"/>
      <c r="E19" s="2">
        <v>266578.64999999997</v>
      </c>
      <c r="F19" s="2">
        <v>109448.56999999996</v>
      </c>
    </row>
    <row r="20" spans="1:6" outlineLevel="1" x14ac:dyDescent="0.35">
      <c r="B20" t="s">
        <v>13</v>
      </c>
      <c r="C20" t="s">
        <v>14</v>
      </c>
      <c r="D20" s="2">
        <v>615551.36000000057</v>
      </c>
      <c r="E20" s="2">
        <v>478172.2699999999</v>
      </c>
      <c r="F20" s="2">
        <v>288560.39999999985</v>
      </c>
    </row>
    <row r="21" spans="1:6" outlineLevel="1" x14ac:dyDescent="0.35">
      <c r="C21" t="s">
        <v>230</v>
      </c>
      <c r="D21" s="2">
        <v>81787.08</v>
      </c>
      <c r="E21" s="2">
        <v>75328.899999999965</v>
      </c>
      <c r="F21" s="2">
        <v>62170.090000000004</v>
      </c>
    </row>
    <row r="22" spans="1:6" outlineLevel="1" x14ac:dyDescent="0.35">
      <c r="C22" t="s">
        <v>219</v>
      </c>
      <c r="D22" s="2">
        <v>584904.44000000006</v>
      </c>
      <c r="E22" s="2">
        <v>458103.70999999979</v>
      </c>
      <c r="F22" s="2">
        <v>440663.21000000025</v>
      </c>
    </row>
    <row r="23" spans="1:6" outlineLevel="1" x14ac:dyDescent="0.35">
      <c r="B23" t="s">
        <v>113</v>
      </c>
      <c r="C23" t="s">
        <v>206</v>
      </c>
      <c r="D23" s="2">
        <v>134356.82999999999</v>
      </c>
      <c r="E23" s="2">
        <v>125600.30000000005</v>
      </c>
      <c r="F23" s="2">
        <v>193563.92000000004</v>
      </c>
    </row>
    <row r="24" spans="1:6" outlineLevel="1" x14ac:dyDescent="0.35">
      <c r="C24" t="s">
        <v>114</v>
      </c>
      <c r="D24" s="2">
        <v>5659.27</v>
      </c>
      <c r="E24" s="2"/>
      <c r="F24" s="2"/>
    </row>
    <row r="25" spans="1:6" x14ac:dyDescent="0.35">
      <c r="A25" s="1" t="s">
        <v>340</v>
      </c>
      <c r="B25" s="1"/>
      <c r="C25" s="1"/>
      <c r="D25" s="3">
        <v>4836338.290000001</v>
      </c>
      <c r="E25" s="3">
        <v>4096646.5699999994</v>
      </c>
      <c r="F25" s="3">
        <v>3585301.19</v>
      </c>
    </row>
    <row r="26" spans="1:6" outlineLevel="1" x14ac:dyDescent="0.35">
      <c r="A26" t="s">
        <v>18</v>
      </c>
      <c r="B26" t="s">
        <v>29</v>
      </c>
      <c r="C26" t="s">
        <v>147</v>
      </c>
      <c r="D26" s="2">
        <v>212124.2300000001</v>
      </c>
      <c r="E26" s="2">
        <v>247418.36</v>
      </c>
      <c r="F26" s="2">
        <v>304571.59000000003</v>
      </c>
    </row>
    <row r="27" spans="1:6" outlineLevel="1" x14ac:dyDescent="0.35">
      <c r="C27" t="s">
        <v>37</v>
      </c>
      <c r="D27" s="2">
        <v>173962.21999999991</v>
      </c>
      <c r="E27" s="2">
        <v>207679.0199999999</v>
      </c>
      <c r="F27" s="2">
        <v>200862.3899999999</v>
      </c>
    </row>
    <row r="28" spans="1:6" outlineLevel="1" x14ac:dyDescent="0.35">
      <c r="C28" t="s">
        <v>250</v>
      </c>
      <c r="D28" s="2">
        <v>3395.17</v>
      </c>
      <c r="E28" s="2"/>
      <c r="F28" s="2"/>
    </row>
    <row r="29" spans="1:6" outlineLevel="1" x14ac:dyDescent="0.35">
      <c r="C29" t="s">
        <v>168</v>
      </c>
      <c r="D29" s="2">
        <v>187399.08000000002</v>
      </c>
      <c r="E29" s="2">
        <v>164109.86000000016</v>
      </c>
      <c r="F29" s="2">
        <v>31177.860000000008</v>
      </c>
    </row>
    <row r="30" spans="1:6" outlineLevel="1" x14ac:dyDescent="0.35">
      <c r="C30" t="s">
        <v>308</v>
      </c>
      <c r="D30" s="2"/>
      <c r="E30" s="2">
        <v>2.17</v>
      </c>
      <c r="F30" s="2">
        <v>209.65</v>
      </c>
    </row>
    <row r="31" spans="1:6" outlineLevel="1" x14ac:dyDescent="0.35">
      <c r="C31" t="s">
        <v>30</v>
      </c>
      <c r="D31" s="2">
        <v>72465.380000000019</v>
      </c>
      <c r="E31" s="2">
        <v>63319.019999999982</v>
      </c>
      <c r="F31" s="2">
        <v>65209.800000000039</v>
      </c>
    </row>
    <row r="32" spans="1:6" outlineLevel="1" x14ac:dyDescent="0.35">
      <c r="C32" t="s">
        <v>109</v>
      </c>
      <c r="D32" s="2">
        <v>62289.020000000026</v>
      </c>
      <c r="E32" s="2">
        <v>67400.669999999984</v>
      </c>
      <c r="F32" s="2">
        <v>101189.13999999998</v>
      </c>
    </row>
    <row r="33" spans="2:6" outlineLevel="1" x14ac:dyDescent="0.35">
      <c r="C33" t="s">
        <v>174</v>
      </c>
      <c r="D33" s="2">
        <v>40771.430000000008</v>
      </c>
      <c r="E33" s="2">
        <v>32082.730000000007</v>
      </c>
      <c r="F33" s="2">
        <v>37919.75</v>
      </c>
    </row>
    <row r="34" spans="2:6" outlineLevel="1" x14ac:dyDescent="0.35">
      <c r="C34" t="s">
        <v>173</v>
      </c>
      <c r="D34" s="2">
        <v>85382.24000000002</v>
      </c>
      <c r="E34" s="2">
        <v>77815.10000000002</v>
      </c>
      <c r="F34" s="2">
        <v>99045.750000000015</v>
      </c>
    </row>
    <row r="35" spans="2:6" outlineLevel="1" x14ac:dyDescent="0.35">
      <c r="C35" t="s">
        <v>293</v>
      </c>
      <c r="D35" s="2">
        <v>46.13</v>
      </c>
      <c r="E35" s="2"/>
      <c r="F35" s="2"/>
    </row>
    <row r="36" spans="2:6" outlineLevel="1" x14ac:dyDescent="0.35">
      <c r="C36" t="s">
        <v>153</v>
      </c>
      <c r="D36" s="2">
        <v>233593.01000000018</v>
      </c>
      <c r="E36" s="2">
        <v>232237.57999999981</v>
      </c>
      <c r="F36" s="2">
        <v>271754.18000000023</v>
      </c>
    </row>
    <row r="37" spans="2:6" outlineLevel="1" x14ac:dyDescent="0.35">
      <c r="C37" t="s">
        <v>236</v>
      </c>
      <c r="D37" s="2">
        <v>3705.5200000000009</v>
      </c>
      <c r="E37" s="2">
        <v>0.25</v>
      </c>
      <c r="F37" s="2"/>
    </row>
    <row r="38" spans="2:6" outlineLevel="1" x14ac:dyDescent="0.35">
      <c r="C38" t="s">
        <v>76</v>
      </c>
      <c r="D38" s="2">
        <v>140711.77000000005</v>
      </c>
      <c r="E38" s="2">
        <v>90239.439999999988</v>
      </c>
      <c r="F38" s="2">
        <v>109349.97999999989</v>
      </c>
    </row>
    <row r="39" spans="2:6" outlineLevel="1" x14ac:dyDescent="0.35">
      <c r="C39" t="s">
        <v>204</v>
      </c>
      <c r="D39" s="2">
        <v>82042.799999999988</v>
      </c>
      <c r="E39" s="2">
        <v>84315.600000000079</v>
      </c>
      <c r="F39" s="2">
        <v>113021.21999999996</v>
      </c>
    </row>
    <row r="40" spans="2:6" outlineLevel="1" x14ac:dyDescent="0.35">
      <c r="C40" t="s">
        <v>189</v>
      </c>
      <c r="D40" s="2">
        <v>12866.930000000002</v>
      </c>
      <c r="E40" s="2">
        <v>12864.64</v>
      </c>
      <c r="F40" s="2">
        <v>15811.810000000001</v>
      </c>
    </row>
    <row r="41" spans="2:6" outlineLevel="1" x14ac:dyDescent="0.35">
      <c r="B41" t="s">
        <v>19</v>
      </c>
      <c r="C41" t="s">
        <v>239</v>
      </c>
      <c r="D41" s="2">
        <v>62379.229999999989</v>
      </c>
      <c r="E41" s="2">
        <v>41595.81</v>
      </c>
      <c r="F41" s="2">
        <v>46412.830000000016</v>
      </c>
    </row>
    <row r="42" spans="2:6" outlineLevel="1" x14ac:dyDescent="0.35">
      <c r="C42" t="s">
        <v>20</v>
      </c>
      <c r="D42" s="2">
        <v>87871.910000000018</v>
      </c>
      <c r="E42" s="2">
        <v>64493.450000000048</v>
      </c>
      <c r="F42" s="2">
        <v>79916.95</v>
      </c>
    </row>
    <row r="43" spans="2:6" outlineLevel="1" x14ac:dyDescent="0.35">
      <c r="C43" t="s">
        <v>194</v>
      </c>
      <c r="D43" s="2">
        <v>310524.89000000013</v>
      </c>
      <c r="E43" s="2">
        <v>223933.82000000009</v>
      </c>
      <c r="F43" s="2">
        <v>274583.39999999991</v>
      </c>
    </row>
    <row r="44" spans="2:6" outlineLevel="1" x14ac:dyDescent="0.35">
      <c r="C44" t="s">
        <v>289</v>
      </c>
      <c r="D44" s="2">
        <v>280.24</v>
      </c>
      <c r="E44" s="2">
        <v>18.7</v>
      </c>
      <c r="F44" s="2">
        <v>50.279999999999994</v>
      </c>
    </row>
    <row r="45" spans="2:6" outlineLevel="1" x14ac:dyDescent="0.35">
      <c r="C45" t="s">
        <v>212</v>
      </c>
      <c r="D45" s="2">
        <v>116907.21999999997</v>
      </c>
      <c r="E45" s="2">
        <v>68068</v>
      </c>
      <c r="F45" s="2">
        <v>75545.689999999973</v>
      </c>
    </row>
    <row r="46" spans="2:6" outlineLevel="1" x14ac:dyDescent="0.35">
      <c r="B46" t="s">
        <v>64</v>
      </c>
      <c r="C46" t="s">
        <v>167</v>
      </c>
      <c r="D46" s="2">
        <v>80452.699999999953</v>
      </c>
      <c r="E46" s="2">
        <v>61448.499999999978</v>
      </c>
      <c r="F46" s="2">
        <v>73969.78</v>
      </c>
    </row>
    <row r="47" spans="2:6" outlineLevel="1" x14ac:dyDescent="0.35">
      <c r="C47" t="s">
        <v>246</v>
      </c>
      <c r="D47" s="2">
        <v>67995.950000000026</v>
      </c>
      <c r="E47" s="2">
        <v>54211.42000000002</v>
      </c>
      <c r="F47" s="2">
        <v>47280.730000000018</v>
      </c>
    </row>
    <row r="48" spans="2:6" outlineLevel="1" x14ac:dyDescent="0.35">
      <c r="C48" t="s">
        <v>256</v>
      </c>
      <c r="D48" s="2">
        <v>84.320000000000007</v>
      </c>
      <c r="E48" s="2">
        <v>415.69000000000005</v>
      </c>
      <c r="F48" s="4">
        <v>-382.67</v>
      </c>
    </row>
    <row r="49" spans="1:6" outlineLevel="1" x14ac:dyDescent="0.35">
      <c r="C49" t="s">
        <v>65</v>
      </c>
      <c r="D49" s="2">
        <v>2483217.5899999961</v>
      </c>
      <c r="E49" s="2">
        <v>1823410.1500000001</v>
      </c>
      <c r="F49" s="2">
        <v>2649542.4999999953</v>
      </c>
    </row>
    <row r="50" spans="1:6" outlineLevel="1" x14ac:dyDescent="0.35">
      <c r="C50" t="s">
        <v>162</v>
      </c>
      <c r="D50" s="2">
        <v>392474.15</v>
      </c>
      <c r="E50" s="2">
        <v>520454.0300000002</v>
      </c>
      <c r="F50" s="2">
        <v>632906.58000000019</v>
      </c>
    </row>
    <row r="51" spans="1:6" outlineLevel="1" x14ac:dyDescent="0.35">
      <c r="B51" t="s">
        <v>243</v>
      </c>
      <c r="C51" t="s">
        <v>244</v>
      </c>
      <c r="D51" s="2">
        <v>12134.64</v>
      </c>
      <c r="E51" s="2"/>
      <c r="F51" s="2"/>
    </row>
    <row r="52" spans="1:6" outlineLevel="1" x14ac:dyDescent="0.35">
      <c r="B52" t="s">
        <v>132</v>
      </c>
      <c r="C52" t="s">
        <v>133</v>
      </c>
      <c r="D52" s="2">
        <v>104662.53000000004</v>
      </c>
      <c r="E52" s="2">
        <v>84932.989999999976</v>
      </c>
      <c r="F52" s="2">
        <v>177278.5800000001</v>
      </c>
    </row>
    <row r="53" spans="1:6" outlineLevel="1" x14ac:dyDescent="0.35">
      <c r="C53" t="s">
        <v>248</v>
      </c>
      <c r="D53" s="2">
        <v>188503.16999999998</v>
      </c>
      <c r="E53" s="2">
        <v>166527.18000000011</v>
      </c>
      <c r="F53" s="2">
        <v>207083.8</v>
      </c>
    </row>
    <row r="54" spans="1:6" outlineLevel="1" x14ac:dyDescent="0.35">
      <c r="B54" t="s">
        <v>101</v>
      </c>
      <c r="C54" t="s">
        <v>102</v>
      </c>
      <c r="D54" s="2">
        <v>721461.08</v>
      </c>
      <c r="E54" s="2">
        <v>883725.06000000017</v>
      </c>
      <c r="F54" s="2">
        <v>1538496.4199999992</v>
      </c>
    </row>
    <row r="55" spans="1:6" outlineLevel="1" x14ac:dyDescent="0.35">
      <c r="C55" t="s">
        <v>178</v>
      </c>
      <c r="D55" s="2">
        <v>219003.81</v>
      </c>
      <c r="E55" s="2">
        <v>116203.84000000001</v>
      </c>
      <c r="F55" s="2">
        <v>160114.44000000003</v>
      </c>
    </row>
    <row r="56" spans="1:6" x14ac:dyDescent="0.35">
      <c r="A56" s="1" t="s">
        <v>341</v>
      </c>
      <c r="B56" s="1"/>
      <c r="C56" s="1"/>
      <c r="D56" s="3">
        <v>6158708.3599999966</v>
      </c>
      <c r="E56" s="3">
        <v>5388923.0800000001</v>
      </c>
      <c r="F56" s="3">
        <v>7312922.429999995</v>
      </c>
    </row>
    <row r="57" spans="1:6" outlineLevel="1" x14ac:dyDescent="0.35">
      <c r="A57" t="s">
        <v>207</v>
      </c>
      <c r="B57" t="s">
        <v>208</v>
      </c>
      <c r="C57" t="s">
        <v>208</v>
      </c>
      <c r="D57" s="2">
        <v>53228.540000000008</v>
      </c>
      <c r="E57" s="2">
        <v>24969.710000000003</v>
      </c>
      <c r="F57" s="2">
        <v>13974.009999999998</v>
      </c>
    </row>
    <row r="58" spans="1:6" outlineLevel="1" x14ac:dyDescent="0.35">
      <c r="B58" t="s">
        <v>258</v>
      </c>
      <c r="C58" t="s">
        <v>259</v>
      </c>
      <c r="D58" s="2">
        <v>19.88</v>
      </c>
      <c r="E58" s="2"/>
      <c r="F58" s="2"/>
    </row>
    <row r="59" spans="1:6" x14ac:dyDescent="0.35">
      <c r="A59" s="1" t="s">
        <v>342</v>
      </c>
      <c r="B59" s="1"/>
      <c r="C59" s="1"/>
      <c r="D59" s="3">
        <v>53248.420000000006</v>
      </c>
      <c r="E59" s="3">
        <v>24969.710000000003</v>
      </c>
      <c r="F59" s="3">
        <v>13974.009999999998</v>
      </c>
    </row>
    <row r="60" spans="1:6" outlineLevel="1" x14ac:dyDescent="0.35">
      <c r="A60" t="s">
        <v>22</v>
      </c>
      <c r="B60" t="s">
        <v>23</v>
      </c>
      <c r="C60" t="s">
        <v>89</v>
      </c>
      <c r="D60" s="4">
        <v>648231.6100000001</v>
      </c>
      <c r="E60" s="4">
        <v>424722.52</v>
      </c>
      <c r="F60" s="4">
        <v>801580.04</v>
      </c>
    </row>
    <row r="61" spans="1:6" outlineLevel="1" x14ac:dyDescent="0.35">
      <c r="C61" t="s">
        <v>25</v>
      </c>
      <c r="D61" s="4">
        <v>75720.149999999994</v>
      </c>
      <c r="E61" s="4">
        <v>45236.840000000004</v>
      </c>
      <c r="F61" s="4">
        <v>30042.060000000012</v>
      </c>
    </row>
    <row r="62" spans="1:6" outlineLevel="1" x14ac:dyDescent="0.35">
      <c r="C62" t="s">
        <v>275</v>
      </c>
      <c r="D62" s="4">
        <v>8538.9500000000007</v>
      </c>
      <c r="E62" s="4"/>
      <c r="F62" s="4"/>
    </row>
    <row r="63" spans="1:6" outlineLevel="1" x14ac:dyDescent="0.35">
      <c r="C63" t="s">
        <v>111</v>
      </c>
      <c r="D63" s="4">
        <v>6145.78</v>
      </c>
      <c r="E63" s="4">
        <v>208.61999999999995</v>
      </c>
      <c r="F63" s="4"/>
    </row>
    <row r="64" spans="1:6" outlineLevel="1" x14ac:dyDescent="0.35">
      <c r="C64" t="s">
        <v>298</v>
      </c>
      <c r="D64" s="4">
        <v>533.01</v>
      </c>
      <c r="E64" s="4">
        <v>5621.86</v>
      </c>
      <c r="F64" s="4"/>
    </row>
    <row r="65" spans="2:6" outlineLevel="1" x14ac:dyDescent="0.35">
      <c r="C65" t="s">
        <v>335</v>
      </c>
      <c r="D65" s="4"/>
      <c r="E65" s="4"/>
      <c r="F65" s="4">
        <v>908.52</v>
      </c>
    </row>
    <row r="66" spans="2:6" outlineLevel="1" x14ac:dyDescent="0.35">
      <c r="C66" t="s">
        <v>270</v>
      </c>
      <c r="D66" s="4">
        <v>8972.16</v>
      </c>
      <c r="E66" s="4">
        <v>41300.51999999999</v>
      </c>
      <c r="F66" s="4">
        <v>1.0899999999999999</v>
      </c>
    </row>
    <row r="67" spans="2:6" outlineLevel="1" x14ac:dyDescent="0.35">
      <c r="C67" t="s">
        <v>24</v>
      </c>
      <c r="D67" s="4">
        <v>5621085.8999999994</v>
      </c>
      <c r="E67" s="4">
        <v>3755971.7700000023</v>
      </c>
      <c r="F67" s="4">
        <v>4743075.5600000024</v>
      </c>
    </row>
    <row r="68" spans="2:6" outlineLevel="1" x14ac:dyDescent="0.35">
      <c r="C68" t="s">
        <v>229</v>
      </c>
      <c r="D68" s="4">
        <v>151593.16000000003</v>
      </c>
      <c r="E68" s="4">
        <v>59877.509999999995</v>
      </c>
      <c r="F68" s="4">
        <v>396.92</v>
      </c>
    </row>
    <row r="69" spans="2:6" outlineLevel="1" x14ac:dyDescent="0.35">
      <c r="B69" t="s">
        <v>80</v>
      </c>
      <c r="C69" t="s">
        <v>265</v>
      </c>
      <c r="D69" s="4">
        <v>12167.77</v>
      </c>
      <c r="E69" s="4">
        <v>5040.2000000000007</v>
      </c>
      <c r="F69" s="4">
        <v>510.17000000000093</v>
      </c>
    </row>
    <row r="70" spans="2:6" outlineLevel="1" x14ac:dyDescent="0.35">
      <c r="C70" t="s">
        <v>99</v>
      </c>
      <c r="D70" s="4">
        <v>584710.6599999998</v>
      </c>
      <c r="E70" s="4">
        <v>528472.54</v>
      </c>
      <c r="F70" s="4">
        <v>22539.250000000004</v>
      </c>
    </row>
    <row r="71" spans="2:6" outlineLevel="1" x14ac:dyDescent="0.35">
      <c r="C71" t="s">
        <v>221</v>
      </c>
      <c r="D71" s="4">
        <v>1828282.6399999997</v>
      </c>
      <c r="E71" s="4">
        <v>944622.51999999955</v>
      </c>
      <c r="F71" s="4">
        <v>1096789.9300000006</v>
      </c>
    </row>
    <row r="72" spans="2:6" outlineLevel="1" x14ac:dyDescent="0.35">
      <c r="C72" t="s">
        <v>110</v>
      </c>
      <c r="D72" s="4">
        <v>409252.07999999996</v>
      </c>
      <c r="E72" s="4">
        <v>399403.58000000007</v>
      </c>
      <c r="F72" s="4">
        <v>346321.05000000005</v>
      </c>
    </row>
    <row r="73" spans="2:6" outlineLevel="1" x14ac:dyDescent="0.35">
      <c r="C73" t="s">
        <v>134</v>
      </c>
      <c r="D73" s="4">
        <v>729596.99000000034</v>
      </c>
      <c r="E73" s="4">
        <v>604382.59</v>
      </c>
      <c r="F73" s="4">
        <v>538734.23999999953</v>
      </c>
    </row>
    <row r="74" spans="2:6" outlineLevel="1" x14ac:dyDescent="0.35">
      <c r="C74" t="s">
        <v>81</v>
      </c>
      <c r="D74" s="4">
        <v>613979.5199999999</v>
      </c>
      <c r="E74" s="4">
        <v>427319.65000000008</v>
      </c>
      <c r="F74" s="4">
        <v>313549.43999999994</v>
      </c>
    </row>
    <row r="75" spans="2:6" outlineLevel="1" x14ac:dyDescent="0.35">
      <c r="B75" t="s">
        <v>33</v>
      </c>
      <c r="C75" t="s">
        <v>105</v>
      </c>
      <c r="D75" s="4">
        <v>901549.13999999978</v>
      </c>
      <c r="E75" s="4">
        <v>798026.64000000036</v>
      </c>
      <c r="F75" s="4">
        <v>814119.97999999952</v>
      </c>
    </row>
    <row r="76" spans="2:6" outlineLevel="1" x14ac:dyDescent="0.35">
      <c r="C76" t="s">
        <v>225</v>
      </c>
      <c r="D76" s="4">
        <v>39469.759999999995</v>
      </c>
      <c r="E76" s="4">
        <v>713.99</v>
      </c>
      <c r="F76" s="4">
        <v>3.7299999999999995</v>
      </c>
    </row>
    <row r="77" spans="2:6" outlineLevel="1" x14ac:dyDescent="0.35">
      <c r="C77" t="s">
        <v>103</v>
      </c>
      <c r="D77" s="4">
        <v>1256868.3299999998</v>
      </c>
      <c r="E77" s="4">
        <v>579026.61000000045</v>
      </c>
      <c r="F77" s="4">
        <v>615713.67000000004</v>
      </c>
    </row>
    <row r="78" spans="2:6" outlineLevel="1" x14ac:dyDescent="0.35">
      <c r="C78" t="s">
        <v>104</v>
      </c>
      <c r="D78" s="4">
        <v>1677247.0300000014</v>
      </c>
      <c r="E78" s="4">
        <v>1458573.8000000007</v>
      </c>
      <c r="F78" s="4">
        <v>1555445.6199999971</v>
      </c>
    </row>
    <row r="79" spans="2:6" outlineLevel="1" x14ac:dyDescent="0.35">
      <c r="C79" t="s">
        <v>98</v>
      </c>
      <c r="D79" s="4">
        <v>772167.85000000021</v>
      </c>
      <c r="E79" s="4">
        <v>765749.85000000021</v>
      </c>
      <c r="F79" s="4">
        <v>682319.5699999996</v>
      </c>
    </row>
    <row r="80" spans="2:6" outlineLevel="1" x14ac:dyDescent="0.35">
      <c r="C80" t="s">
        <v>34</v>
      </c>
      <c r="D80" s="4">
        <v>623137.12000000023</v>
      </c>
      <c r="E80" s="4">
        <v>286815.01999999979</v>
      </c>
      <c r="F80" s="4">
        <v>402537.54999999993</v>
      </c>
    </row>
    <row r="81" spans="2:6" outlineLevel="1" x14ac:dyDescent="0.35">
      <c r="C81" t="s">
        <v>296</v>
      </c>
      <c r="D81" s="4">
        <v>24.52</v>
      </c>
      <c r="E81" s="4">
        <v>0</v>
      </c>
      <c r="F81" s="4"/>
    </row>
    <row r="82" spans="2:6" outlineLevel="1" x14ac:dyDescent="0.35">
      <c r="B82" t="s">
        <v>91</v>
      </c>
      <c r="C82" t="s">
        <v>93</v>
      </c>
      <c r="D82" s="4">
        <v>305887.67000000004</v>
      </c>
      <c r="E82" s="4">
        <v>197205.48000000013</v>
      </c>
      <c r="F82" s="4">
        <v>177423.75999999992</v>
      </c>
    </row>
    <row r="83" spans="2:6" outlineLevel="1" x14ac:dyDescent="0.35">
      <c r="C83" t="s">
        <v>170</v>
      </c>
      <c r="D83" s="4">
        <v>275251.28999999998</v>
      </c>
      <c r="E83" s="4">
        <v>278308.50999999995</v>
      </c>
      <c r="F83" s="4">
        <v>283762.8499999998</v>
      </c>
    </row>
    <row r="84" spans="2:6" outlineLevel="1" x14ac:dyDescent="0.35">
      <c r="C84" t="s">
        <v>92</v>
      </c>
      <c r="D84" s="4">
        <v>264847.96000000002</v>
      </c>
      <c r="E84" s="4">
        <v>148084.62999999986</v>
      </c>
      <c r="F84" s="4">
        <v>158621.75999999998</v>
      </c>
    </row>
    <row r="85" spans="2:6" outlineLevel="1" x14ac:dyDescent="0.35">
      <c r="C85" t="s">
        <v>106</v>
      </c>
      <c r="D85" s="4">
        <v>522923.64000000013</v>
      </c>
      <c r="E85" s="4">
        <v>426311.57000000007</v>
      </c>
      <c r="F85" s="4">
        <v>362446.06999999983</v>
      </c>
    </row>
    <row r="86" spans="2:6" outlineLevel="1" x14ac:dyDescent="0.35">
      <c r="C86" t="s">
        <v>172</v>
      </c>
      <c r="D86" s="4">
        <v>573834.49000000081</v>
      </c>
      <c r="E86" s="4">
        <v>284113.8600000001</v>
      </c>
      <c r="F86" s="4">
        <v>289078.0999999998</v>
      </c>
    </row>
    <row r="87" spans="2:6" outlineLevel="1" x14ac:dyDescent="0.35">
      <c r="C87" t="s">
        <v>260</v>
      </c>
      <c r="D87" s="4">
        <v>267337.73999999993</v>
      </c>
      <c r="E87" s="4">
        <v>91422.69</v>
      </c>
      <c r="F87" s="4">
        <v>113440.52999999998</v>
      </c>
    </row>
    <row r="88" spans="2:6" outlineLevel="1" x14ac:dyDescent="0.35">
      <c r="C88" t="s">
        <v>291</v>
      </c>
      <c r="D88" s="4">
        <v>16242.94</v>
      </c>
      <c r="E88" s="4">
        <v>20258.369999999995</v>
      </c>
      <c r="F88" s="4">
        <v>17675.84</v>
      </c>
    </row>
    <row r="89" spans="2:6" outlineLevel="1" x14ac:dyDescent="0.35">
      <c r="B89" t="s">
        <v>286</v>
      </c>
      <c r="C89" t="s">
        <v>287</v>
      </c>
      <c r="D89" s="4">
        <v>382.98000000000008</v>
      </c>
      <c r="E89" s="4"/>
      <c r="F89" s="4"/>
    </row>
    <row r="90" spans="2:6" outlineLevel="1" x14ac:dyDescent="0.35">
      <c r="B90" t="s">
        <v>115</v>
      </c>
      <c r="C90" t="s">
        <v>288</v>
      </c>
      <c r="D90" s="4">
        <v>2.7600000000000011</v>
      </c>
      <c r="E90" s="4"/>
      <c r="F90" s="4"/>
    </row>
    <row r="91" spans="2:6" outlineLevel="1" x14ac:dyDescent="0.35">
      <c r="C91" t="s">
        <v>253</v>
      </c>
      <c r="D91" s="4">
        <v>255.20000000000002</v>
      </c>
      <c r="E91" s="4"/>
      <c r="F91" s="4"/>
    </row>
    <row r="92" spans="2:6" outlineLevel="1" x14ac:dyDescent="0.35">
      <c r="C92" t="s">
        <v>116</v>
      </c>
      <c r="D92" s="4">
        <v>101264.89999999998</v>
      </c>
      <c r="E92" s="4">
        <v>48706.779999999984</v>
      </c>
      <c r="F92" s="4">
        <v>15568.45</v>
      </c>
    </row>
    <row r="93" spans="2:6" outlineLevel="1" x14ac:dyDescent="0.35">
      <c r="C93" t="s">
        <v>252</v>
      </c>
      <c r="D93" s="4">
        <v>22880.980000000003</v>
      </c>
      <c r="E93" s="4"/>
      <c r="F93" s="4"/>
    </row>
    <row r="94" spans="2:6" outlineLevel="1" x14ac:dyDescent="0.35">
      <c r="B94" t="s">
        <v>48</v>
      </c>
      <c r="C94" t="s">
        <v>49</v>
      </c>
      <c r="D94" s="4">
        <v>218616.94</v>
      </c>
      <c r="E94" s="4">
        <v>148967.11000000004</v>
      </c>
      <c r="F94" s="4">
        <v>130424.33</v>
      </c>
    </row>
    <row r="95" spans="2:6" outlineLevel="1" x14ac:dyDescent="0.35">
      <c r="C95" t="s">
        <v>120</v>
      </c>
      <c r="D95" s="4">
        <v>59581.889999999985</v>
      </c>
      <c r="E95" s="4">
        <v>79175.189999999973</v>
      </c>
      <c r="F95" s="4">
        <v>66452.08</v>
      </c>
    </row>
    <row r="96" spans="2:6" outlineLevel="1" x14ac:dyDescent="0.35">
      <c r="C96" t="s">
        <v>217</v>
      </c>
      <c r="D96" s="4">
        <v>42141.37</v>
      </c>
      <c r="E96" s="4">
        <v>37324.230000000003</v>
      </c>
      <c r="F96" s="4">
        <v>37844.21</v>
      </c>
    </row>
    <row r="97" spans="1:6" outlineLevel="1" x14ac:dyDescent="0.35">
      <c r="C97" t="s">
        <v>266</v>
      </c>
      <c r="D97" s="4">
        <v>57210.189999999995</v>
      </c>
      <c r="E97" s="4">
        <v>54402.489999999983</v>
      </c>
      <c r="F97" s="4">
        <v>53482.78</v>
      </c>
    </row>
    <row r="98" spans="1:6" outlineLevel="1" x14ac:dyDescent="0.35">
      <c r="B98" t="s">
        <v>119</v>
      </c>
      <c r="C98" t="s">
        <v>119</v>
      </c>
      <c r="D98" s="4">
        <v>245589.41999999995</v>
      </c>
      <c r="E98" s="4">
        <v>193258.9899999999</v>
      </c>
      <c r="F98" s="4">
        <v>109429.74000000005</v>
      </c>
    </row>
    <row r="99" spans="1:6" outlineLevel="1" x14ac:dyDescent="0.35">
      <c r="B99" t="s">
        <v>122</v>
      </c>
      <c r="C99" t="s">
        <v>123</v>
      </c>
      <c r="D99" s="4">
        <v>555148.47</v>
      </c>
      <c r="E99" s="4">
        <v>428648.45000000024</v>
      </c>
      <c r="F99" s="4">
        <v>361850.56000000017</v>
      </c>
    </row>
    <row r="100" spans="1:6" outlineLevel="1" x14ac:dyDescent="0.35">
      <c r="C100" t="s">
        <v>280</v>
      </c>
      <c r="D100" s="4">
        <v>81.859999999999673</v>
      </c>
      <c r="E100" s="4"/>
      <c r="F100" s="4"/>
    </row>
    <row r="101" spans="1:6" outlineLevel="1" x14ac:dyDescent="0.35">
      <c r="C101" t="s">
        <v>124</v>
      </c>
      <c r="D101" s="4">
        <v>388729.22000000009</v>
      </c>
      <c r="E101" s="4">
        <v>337177.39000000019</v>
      </c>
      <c r="F101" s="4">
        <v>368185.95000000007</v>
      </c>
    </row>
    <row r="102" spans="1:6" outlineLevel="1" x14ac:dyDescent="0.35">
      <c r="C102" t="s">
        <v>254</v>
      </c>
      <c r="D102" s="4">
        <v>93565.169999999984</v>
      </c>
      <c r="E102" s="4">
        <v>59027.130000000012</v>
      </c>
      <c r="F102" s="4">
        <v>60453.279999999999</v>
      </c>
    </row>
    <row r="103" spans="1:6" outlineLevel="1" x14ac:dyDescent="0.35">
      <c r="C103" t="s">
        <v>218</v>
      </c>
      <c r="D103" s="4">
        <v>708685.33000000019</v>
      </c>
      <c r="E103" s="4">
        <v>487741.57000000024</v>
      </c>
      <c r="F103" s="4">
        <v>422538.99000000028</v>
      </c>
    </row>
    <row r="104" spans="1:6" outlineLevel="1" x14ac:dyDescent="0.35">
      <c r="C104" t="s">
        <v>135</v>
      </c>
      <c r="D104" s="4">
        <v>545012.67999999982</v>
      </c>
      <c r="E104" s="4">
        <v>401415.10000000015</v>
      </c>
      <c r="F104" s="4">
        <v>376166.96999999986</v>
      </c>
    </row>
    <row r="105" spans="1:6" x14ac:dyDescent="0.35">
      <c r="A105" s="1" t="s">
        <v>343</v>
      </c>
      <c r="B105" s="1"/>
      <c r="C105" s="1"/>
      <c r="D105" s="3">
        <v>21234749.22000001</v>
      </c>
      <c r="E105" s="3">
        <v>14852636.170000004</v>
      </c>
      <c r="F105" s="3">
        <v>15369434.639999997</v>
      </c>
    </row>
    <row r="106" spans="1:6" outlineLevel="1" x14ac:dyDescent="0.35">
      <c r="A106" t="s">
        <v>10</v>
      </c>
      <c r="B106" t="s">
        <v>11</v>
      </c>
      <c r="C106" t="s">
        <v>257</v>
      </c>
      <c r="D106" s="4">
        <v>33118.370000000003</v>
      </c>
      <c r="E106" s="4">
        <v>34593.610000000008</v>
      </c>
      <c r="F106" s="4">
        <v>19755.950000000008</v>
      </c>
    </row>
    <row r="107" spans="1:6" outlineLevel="1" x14ac:dyDescent="0.35">
      <c r="C107" t="s">
        <v>108</v>
      </c>
      <c r="D107" s="4">
        <v>59187.979999999989</v>
      </c>
      <c r="E107" s="4">
        <v>65518.100000000064</v>
      </c>
      <c r="F107" s="4">
        <v>64922.300000000025</v>
      </c>
    </row>
    <row r="108" spans="1:6" outlineLevel="1" x14ac:dyDescent="0.35">
      <c r="C108" t="s">
        <v>12</v>
      </c>
      <c r="D108" s="4">
        <v>1563384.6000000013</v>
      </c>
      <c r="E108" s="4">
        <v>1033861.7900000016</v>
      </c>
      <c r="F108" s="4">
        <v>1726966.6500000004</v>
      </c>
    </row>
    <row r="109" spans="1:6" outlineLevel="1" x14ac:dyDescent="0.35">
      <c r="C109" t="s">
        <v>66</v>
      </c>
      <c r="D109" s="4">
        <v>529174.01999999979</v>
      </c>
      <c r="E109" s="4">
        <v>455567.26</v>
      </c>
      <c r="F109" s="4">
        <v>513324.79000000039</v>
      </c>
    </row>
    <row r="110" spans="1:6" outlineLevel="1" x14ac:dyDescent="0.35">
      <c r="C110" t="s">
        <v>142</v>
      </c>
      <c r="D110" s="4">
        <v>273312.59000000026</v>
      </c>
      <c r="E110" s="4">
        <v>471979.02000000037</v>
      </c>
      <c r="F110" s="4">
        <v>512798.06999999954</v>
      </c>
    </row>
    <row r="111" spans="1:6" outlineLevel="1" x14ac:dyDescent="0.35">
      <c r="B111" t="s">
        <v>46</v>
      </c>
      <c r="C111" t="s">
        <v>251</v>
      </c>
      <c r="D111" s="4">
        <v>16881.990000000002</v>
      </c>
      <c r="E111" s="4">
        <v>13461.450000000003</v>
      </c>
      <c r="F111" s="4">
        <v>27913.600000000006</v>
      </c>
    </row>
    <row r="112" spans="1:6" outlineLevel="1" x14ac:dyDescent="0.35">
      <c r="C112" t="s">
        <v>150</v>
      </c>
      <c r="D112" s="4">
        <v>755860.0199999999</v>
      </c>
      <c r="E112" s="4">
        <v>206626.47000000006</v>
      </c>
      <c r="F112" s="4">
        <v>191496.0800000001</v>
      </c>
    </row>
    <row r="113" spans="2:6" outlineLevel="1" x14ac:dyDescent="0.35">
      <c r="C113" t="s">
        <v>145</v>
      </c>
      <c r="D113" s="4">
        <v>453296.75000000017</v>
      </c>
      <c r="E113" s="4">
        <v>534553.44999999949</v>
      </c>
      <c r="F113" s="4">
        <v>1023825.5100000012</v>
      </c>
    </row>
    <row r="114" spans="2:6" outlineLevel="1" x14ac:dyDescent="0.35">
      <c r="C114" t="s">
        <v>203</v>
      </c>
      <c r="D114" s="4">
        <v>110295.26999999999</v>
      </c>
      <c r="E114" s="4">
        <v>98203.209999999948</v>
      </c>
      <c r="F114" s="4">
        <v>140787.43999999997</v>
      </c>
    </row>
    <row r="115" spans="2:6" outlineLevel="1" x14ac:dyDescent="0.35">
      <c r="C115" t="s">
        <v>47</v>
      </c>
      <c r="D115" s="4">
        <v>592289.57000000018</v>
      </c>
      <c r="E115" s="4">
        <v>461477.08999999927</v>
      </c>
      <c r="F115" s="4">
        <v>810096.87999999896</v>
      </c>
    </row>
    <row r="116" spans="2:6" outlineLevel="1" x14ac:dyDescent="0.35">
      <c r="C116" t="s">
        <v>72</v>
      </c>
      <c r="D116" s="4">
        <v>370597.60000000027</v>
      </c>
      <c r="E116" s="4">
        <v>307375.41999999975</v>
      </c>
      <c r="F116" s="4">
        <v>415745.88000000041</v>
      </c>
    </row>
    <row r="117" spans="2:6" outlineLevel="1" x14ac:dyDescent="0.35">
      <c r="C117" t="s">
        <v>69</v>
      </c>
      <c r="D117" s="4">
        <v>434195.08</v>
      </c>
      <c r="E117" s="4">
        <v>377136.4599999999</v>
      </c>
      <c r="F117" s="4">
        <v>428850.38000000006</v>
      </c>
    </row>
    <row r="118" spans="2:6" outlineLevel="1" x14ac:dyDescent="0.35">
      <c r="B118" t="s">
        <v>209</v>
      </c>
      <c r="C118" t="s">
        <v>210</v>
      </c>
      <c r="D118" s="4">
        <v>48682.729999999996</v>
      </c>
      <c r="E118" s="4">
        <v>54394.98000000001</v>
      </c>
      <c r="F118" s="4">
        <v>61875.570000000007</v>
      </c>
    </row>
    <row r="119" spans="2:6" outlineLevel="1" x14ac:dyDescent="0.35">
      <c r="C119" t="s">
        <v>282</v>
      </c>
      <c r="D119" s="4">
        <v>352.99999999999864</v>
      </c>
      <c r="E119" s="4">
        <v>318.01999999999862</v>
      </c>
      <c r="F119" s="4">
        <v>307.59000000000003</v>
      </c>
    </row>
    <row r="120" spans="2:6" outlineLevel="1" x14ac:dyDescent="0.35">
      <c r="C120" t="s">
        <v>249</v>
      </c>
      <c r="D120" s="4">
        <v>37017.129999999968</v>
      </c>
      <c r="E120" s="4">
        <v>33240.759999999995</v>
      </c>
      <c r="F120" s="4">
        <v>41105.560000000027</v>
      </c>
    </row>
    <row r="121" spans="2:6" outlineLevel="1" x14ac:dyDescent="0.35">
      <c r="B121" t="s">
        <v>35</v>
      </c>
      <c r="C121" t="s">
        <v>227</v>
      </c>
      <c r="D121" s="4">
        <v>96192.650000000009</v>
      </c>
      <c r="E121" s="4">
        <v>92583.579999999929</v>
      </c>
      <c r="F121" s="4">
        <v>109576.74999999997</v>
      </c>
    </row>
    <row r="122" spans="2:6" outlineLevel="1" x14ac:dyDescent="0.35">
      <c r="C122" t="s">
        <v>36</v>
      </c>
      <c r="D122" s="4">
        <v>341797.00000000035</v>
      </c>
      <c r="E122" s="4">
        <v>292043.35000000027</v>
      </c>
      <c r="F122" s="4">
        <v>299210.18999999994</v>
      </c>
    </row>
    <row r="123" spans="2:6" outlineLevel="1" x14ac:dyDescent="0.35">
      <c r="C123" t="s">
        <v>240</v>
      </c>
      <c r="D123" s="4">
        <v>24958.38</v>
      </c>
      <c r="E123" s="4">
        <v>13602.309999999996</v>
      </c>
      <c r="F123" s="4">
        <v>29936.450000000012</v>
      </c>
    </row>
    <row r="124" spans="2:6" outlineLevel="1" x14ac:dyDescent="0.35">
      <c r="C124" t="s">
        <v>38</v>
      </c>
      <c r="D124" s="4">
        <v>184453.57</v>
      </c>
      <c r="E124" s="4">
        <v>174527.96000000011</v>
      </c>
      <c r="F124" s="4">
        <v>217067.78000000006</v>
      </c>
    </row>
    <row r="125" spans="2:6" outlineLevel="1" x14ac:dyDescent="0.35">
      <c r="C125" t="s">
        <v>90</v>
      </c>
      <c r="D125" s="4">
        <v>515225.06000000011</v>
      </c>
      <c r="E125" s="4">
        <v>460925.24000000022</v>
      </c>
      <c r="F125" s="4">
        <v>525850.45000000019</v>
      </c>
    </row>
    <row r="126" spans="2:6" outlineLevel="1" x14ac:dyDescent="0.35">
      <c r="C126" t="s">
        <v>263</v>
      </c>
      <c r="D126" s="4">
        <v>60034.469999999987</v>
      </c>
      <c r="E126" s="4">
        <v>80227.27</v>
      </c>
      <c r="F126" s="4">
        <v>45635.49</v>
      </c>
    </row>
    <row r="127" spans="2:6" outlineLevel="1" x14ac:dyDescent="0.35">
      <c r="C127" t="s">
        <v>238</v>
      </c>
      <c r="D127" s="4">
        <v>175526.91</v>
      </c>
      <c r="E127" s="4">
        <v>190709.50000000015</v>
      </c>
      <c r="F127" s="4">
        <v>210752.99000000014</v>
      </c>
    </row>
    <row r="128" spans="2:6" outlineLevel="1" x14ac:dyDescent="0.35">
      <c r="C128" t="s">
        <v>169</v>
      </c>
      <c r="D128" s="4">
        <v>339276.37000000005</v>
      </c>
      <c r="E128" s="4">
        <v>257495.56999999998</v>
      </c>
      <c r="F128" s="4">
        <v>264281.89000000019</v>
      </c>
    </row>
    <row r="129" spans="2:6" outlineLevel="1" x14ac:dyDescent="0.35">
      <c r="C129" t="s">
        <v>79</v>
      </c>
      <c r="D129" s="4">
        <v>43844.86000000003</v>
      </c>
      <c r="E129" s="4">
        <v>37652.75</v>
      </c>
      <c r="F129" s="4">
        <v>56199.410000000011</v>
      </c>
    </row>
    <row r="130" spans="2:6" outlineLevel="1" x14ac:dyDescent="0.35">
      <c r="C130" t="s">
        <v>334</v>
      </c>
      <c r="D130" s="4"/>
      <c r="E130" s="4"/>
      <c r="F130" s="4">
        <v>11269.85</v>
      </c>
    </row>
    <row r="131" spans="2:6" outlineLevel="1" x14ac:dyDescent="0.35">
      <c r="B131" t="s">
        <v>176</v>
      </c>
      <c r="C131" t="s">
        <v>177</v>
      </c>
      <c r="D131" s="4">
        <v>19711.11</v>
      </c>
      <c r="E131" s="4">
        <v>18336.040000000005</v>
      </c>
      <c r="F131" s="4">
        <v>18918.820000000003</v>
      </c>
    </row>
    <row r="132" spans="2:6" outlineLevel="1" x14ac:dyDescent="0.35">
      <c r="C132" t="s">
        <v>179</v>
      </c>
      <c r="D132" s="4">
        <v>252101.38000000003</v>
      </c>
      <c r="E132" s="4">
        <v>337927.91999999987</v>
      </c>
      <c r="F132" s="4">
        <v>251014.12</v>
      </c>
    </row>
    <row r="133" spans="2:6" outlineLevel="1" x14ac:dyDescent="0.35">
      <c r="C133" t="s">
        <v>228</v>
      </c>
      <c r="D133" s="4">
        <v>21241.17</v>
      </c>
      <c r="E133" s="4">
        <v>18221.779999999995</v>
      </c>
      <c r="F133" s="4">
        <v>33287.349999999984</v>
      </c>
    </row>
    <row r="134" spans="2:6" outlineLevel="1" x14ac:dyDescent="0.35">
      <c r="C134" t="s">
        <v>299</v>
      </c>
      <c r="D134" s="4">
        <v>727.74999999999989</v>
      </c>
      <c r="E134" s="4">
        <v>1259.6100000000004</v>
      </c>
      <c r="F134" s="4">
        <v>1052.72</v>
      </c>
    </row>
    <row r="135" spans="2:6" outlineLevel="1" x14ac:dyDescent="0.35">
      <c r="B135" t="s">
        <v>300</v>
      </c>
      <c r="C135" t="s">
        <v>300</v>
      </c>
      <c r="D135" s="4">
        <v>745.92</v>
      </c>
      <c r="E135" s="4">
        <v>4641.83</v>
      </c>
      <c r="F135" s="4">
        <v>56005.83</v>
      </c>
    </row>
    <row r="136" spans="2:6" outlineLevel="1" x14ac:dyDescent="0.35">
      <c r="B136" t="s">
        <v>15</v>
      </c>
      <c r="C136" t="s">
        <v>75</v>
      </c>
      <c r="D136" s="4">
        <v>1066370.1000000008</v>
      </c>
      <c r="E136" s="4">
        <v>996517.91000000294</v>
      </c>
      <c r="F136" s="4">
        <v>1080809.1500000006</v>
      </c>
    </row>
    <row r="137" spans="2:6" outlineLevel="1" x14ac:dyDescent="0.35">
      <c r="C137" t="s">
        <v>159</v>
      </c>
      <c r="D137" s="4">
        <v>323688.90999999997</v>
      </c>
      <c r="E137" s="4">
        <v>25173.960000000032</v>
      </c>
      <c r="F137" s="4">
        <v>33853.83</v>
      </c>
    </row>
    <row r="138" spans="2:6" outlineLevel="1" x14ac:dyDescent="0.35">
      <c r="C138" t="s">
        <v>183</v>
      </c>
      <c r="D138" s="4">
        <v>36269.650000000009</v>
      </c>
      <c r="E138" s="4">
        <v>34238.200000000004</v>
      </c>
      <c r="F138" s="4">
        <v>51424.560000000041</v>
      </c>
    </row>
    <row r="139" spans="2:6" outlineLevel="1" x14ac:dyDescent="0.35">
      <c r="C139" t="s">
        <v>70</v>
      </c>
      <c r="D139" s="4">
        <v>6697.2000000000035</v>
      </c>
      <c r="E139" s="4">
        <v>8066.2700000000023</v>
      </c>
      <c r="F139" s="4">
        <v>6958.0400000000018</v>
      </c>
    </row>
    <row r="140" spans="2:6" outlineLevel="1" x14ac:dyDescent="0.35">
      <c r="C140" t="s">
        <v>16</v>
      </c>
      <c r="D140" s="4">
        <v>8706181.4299999848</v>
      </c>
      <c r="E140" s="4">
        <v>7233230.0699999724</v>
      </c>
      <c r="F140" s="4">
        <v>8986057.3099999726</v>
      </c>
    </row>
    <row r="141" spans="2:6" outlineLevel="1" x14ac:dyDescent="0.35">
      <c r="C141" t="s">
        <v>61</v>
      </c>
      <c r="D141" s="4">
        <v>105776.76999999992</v>
      </c>
      <c r="E141" s="4">
        <v>119040.90999999992</v>
      </c>
      <c r="F141" s="4">
        <v>106423.17999999998</v>
      </c>
    </row>
    <row r="142" spans="2:6" outlineLevel="1" x14ac:dyDescent="0.35">
      <c r="B142" t="s">
        <v>184</v>
      </c>
      <c r="C142" t="s">
        <v>184</v>
      </c>
      <c r="D142" s="4">
        <v>2205061.3999999994</v>
      </c>
      <c r="E142" s="4">
        <v>1859069.4100000006</v>
      </c>
      <c r="F142" s="4">
        <v>2612665.8599999971</v>
      </c>
    </row>
    <row r="143" spans="2:6" outlineLevel="1" x14ac:dyDescent="0.35">
      <c r="B143" t="s">
        <v>303</v>
      </c>
      <c r="C143" t="s">
        <v>303</v>
      </c>
      <c r="D143" s="4">
        <v>744.40000000000009</v>
      </c>
      <c r="E143" s="4">
        <v>1757.74</v>
      </c>
      <c r="F143" s="4">
        <v>500.5</v>
      </c>
    </row>
    <row r="144" spans="2:6" outlineLevel="1" x14ac:dyDescent="0.35">
      <c r="B144" t="s">
        <v>138</v>
      </c>
      <c r="C144" t="s">
        <v>139</v>
      </c>
      <c r="D144" s="4">
        <v>35922.080000000002</v>
      </c>
      <c r="E144" s="4">
        <v>73348.399999999994</v>
      </c>
      <c r="F144" s="4">
        <v>23363.640000000007</v>
      </c>
    </row>
    <row r="145" spans="1:6" outlineLevel="1" x14ac:dyDescent="0.35">
      <c r="B145" t="s">
        <v>223</v>
      </c>
      <c r="C145" t="s">
        <v>223</v>
      </c>
      <c r="D145" s="4">
        <v>25733.14000000001</v>
      </c>
      <c r="E145" s="4">
        <v>31928.61</v>
      </c>
      <c r="F145" s="4">
        <v>18726.060000000001</v>
      </c>
    </row>
    <row r="146" spans="1:6" outlineLevel="1" x14ac:dyDescent="0.35">
      <c r="B146" t="s">
        <v>268</v>
      </c>
      <c r="C146" t="s">
        <v>269</v>
      </c>
      <c r="D146" s="4">
        <v>47121.320000000007</v>
      </c>
      <c r="E146" s="4">
        <v>101581.14000000001</v>
      </c>
      <c r="F146" s="4">
        <v>22704.789999999997</v>
      </c>
    </row>
    <row r="147" spans="1:6" outlineLevel="1" x14ac:dyDescent="0.35">
      <c r="C147" t="s">
        <v>330</v>
      </c>
      <c r="D147" s="4"/>
      <c r="E147" s="4"/>
      <c r="F147" s="4">
        <v>22335.51</v>
      </c>
    </row>
    <row r="148" spans="1:6" outlineLevel="1" x14ac:dyDescent="0.35">
      <c r="C148" t="s">
        <v>332</v>
      </c>
      <c r="D148" s="4"/>
      <c r="E148" s="4"/>
      <c r="F148" s="4">
        <v>28.77</v>
      </c>
    </row>
    <row r="149" spans="1:6" outlineLevel="1" x14ac:dyDescent="0.35">
      <c r="C149" t="s">
        <v>333</v>
      </c>
      <c r="D149" s="4"/>
      <c r="E149" s="4"/>
      <c r="F149" s="4">
        <v>2832.2</v>
      </c>
    </row>
    <row r="150" spans="1:6" x14ac:dyDescent="0.35">
      <c r="A150" s="1" t="s">
        <v>344</v>
      </c>
      <c r="B150" s="1"/>
      <c r="C150" s="1"/>
      <c r="D150" s="3">
        <v>19913049.699999984</v>
      </c>
      <c r="E150" s="3">
        <v>16612414.419999976</v>
      </c>
      <c r="F150" s="3">
        <v>21078515.739999969</v>
      </c>
    </row>
    <row r="151" spans="1:6" outlineLevel="1" x14ac:dyDescent="0.35">
      <c r="A151" t="s">
        <v>180</v>
      </c>
      <c r="B151" t="s">
        <v>181</v>
      </c>
      <c r="C151" t="s">
        <v>182</v>
      </c>
      <c r="D151" s="4">
        <v>31619.83</v>
      </c>
      <c r="E151" s="4">
        <v>22566.210000000006</v>
      </c>
      <c r="F151" s="4">
        <v>26422.399999999991</v>
      </c>
    </row>
    <row r="152" spans="1:6" outlineLevel="1" x14ac:dyDescent="0.35">
      <c r="C152" t="s">
        <v>328</v>
      </c>
      <c r="D152" s="4"/>
      <c r="E152" s="4"/>
      <c r="F152" s="4">
        <v>4729.71</v>
      </c>
    </row>
    <row r="153" spans="1:6" outlineLevel="1" x14ac:dyDescent="0.35">
      <c r="B153" t="s">
        <v>319</v>
      </c>
      <c r="C153" t="s">
        <v>320</v>
      </c>
      <c r="D153" s="4"/>
      <c r="E153" s="4">
        <v>1.3599999999999999</v>
      </c>
      <c r="F153" s="4">
        <v>2.1799999999999997</v>
      </c>
    </row>
    <row r="154" spans="1:6" outlineLevel="1" x14ac:dyDescent="0.35">
      <c r="B154" t="s">
        <v>281</v>
      </c>
      <c r="C154" t="s">
        <v>281</v>
      </c>
      <c r="D154" s="4">
        <v>12639.76</v>
      </c>
      <c r="E154" s="4">
        <v>76478.060000000012</v>
      </c>
      <c r="F154" s="4">
        <v>10574.96</v>
      </c>
    </row>
    <row r="155" spans="1:6" x14ac:dyDescent="0.35">
      <c r="A155" s="1" t="s">
        <v>345</v>
      </c>
      <c r="B155" s="1"/>
      <c r="C155" s="1"/>
      <c r="D155" s="3">
        <v>44259.590000000004</v>
      </c>
      <c r="E155" s="3">
        <v>99045.630000000019</v>
      </c>
      <c r="F155" s="3">
        <v>41729.249999999985</v>
      </c>
    </row>
    <row r="156" spans="1:6" outlineLevel="1" x14ac:dyDescent="0.35">
      <c r="A156" t="s">
        <v>39</v>
      </c>
      <c r="B156" t="s">
        <v>73</v>
      </c>
      <c r="C156" t="s">
        <v>310</v>
      </c>
      <c r="D156" s="4"/>
      <c r="E156" s="4">
        <v>514.11</v>
      </c>
      <c r="F156" s="4">
        <v>1071.06</v>
      </c>
    </row>
    <row r="157" spans="1:6" outlineLevel="1" x14ac:dyDescent="0.35">
      <c r="C157" t="s">
        <v>245</v>
      </c>
      <c r="D157" s="4">
        <v>404.81</v>
      </c>
      <c r="E157" s="4"/>
      <c r="F157" s="4"/>
    </row>
    <row r="158" spans="1:6" outlineLevel="1" x14ac:dyDescent="0.35">
      <c r="C158" t="s">
        <v>74</v>
      </c>
      <c r="D158" s="4">
        <v>451111.68000000023</v>
      </c>
      <c r="E158" s="4">
        <v>378402.50999999978</v>
      </c>
      <c r="F158" s="4">
        <v>77481.23000000001</v>
      </c>
    </row>
    <row r="159" spans="1:6" outlineLevel="1" x14ac:dyDescent="0.35">
      <c r="B159" t="s">
        <v>40</v>
      </c>
      <c r="C159" t="s">
        <v>41</v>
      </c>
      <c r="D159" s="4">
        <v>79034.77</v>
      </c>
      <c r="E159" s="4">
        <v>51169.490000000005</v>
      </c>
      <c r="F159" s="4">
        <v>282130.71000000025</v>
      </c>
    </row>
    <row r="160" spans="1:6" outlineLevel="1" x14ac:dyDescent="0.35">
      <c r="B160" t="s">
        <v>126</v>
      </c>
      <c r="C160" t="s">
        <v>127</v>
      </c>
      <c r="D160" s="4">
        <v>9402.6400000000012</v>
      </c>
      <c r="E160" s="4">
        <v>15457.33</v>
      </c>
      <c r="F160" s="4">
        <v>6678.2800000000016</v>
      </c>
    </row>
    <row r="161" spans="1:6" outlineLevel="1" x14ac:dyDescent="0.35">
      <c r="B161" t="s">
        <v>278</v>
      </c>
      <c r="C161" t="s">
        <v>279</v>
      </c>
      <c r="D161" s="4">
        <v>41.82</v>
      </c>
      <c r="E161" s="4">
        <v>10.33</v>
      </c>
      <c r="F161" s="4"/>
    </row>
    <row r="162" spans="1:6" outlineLevel="1" x14ac:dyDescent="0.35">
      <c r="B162" t="s">
        <v>294</v>
      </c>
      <c r="C162" t="s">
        <v>295</v>
      </c>
      <c r="D162" s="4">
        <v>2604.3300000000004</v>
      </c>
      <c r="E162" s="4">
        <v>1646.8600000000001</v>
      </c>
      <c r="F162" s="4"/>
    </row>
    <row r="163" spans="1:6" outlineLevel="1" x14ac:dyDescent="0.35">
      <c r="B163" t="s">
        <v>301</v>
      </c>
      <c r="C163" t="s">
        <v>302</v>
      </c>
      <c r="D163" s="4">
        <v>29.04</v>
      </c>
      <c r="E163" s="4"/>
      <c r="F163" s="4"/>
    </row>
    <row r="164" spans="1:6" outlineLevel="1" x14ac:dyDescent="0.35">
      <c r="B164" t="s">
        <v>305</v>
      </c>
      <c r="C164" t="s">
        <v>306</v>
      </c>
      <c r="D164" s="4"/>
      <c r="E164" s="4">
        <v>458.93000000000006</v>
      </c>
      <c r="F164" s="4"/>
    </row>
    <row r="165" spans="1:6" outlineLevel="1" x14ac:dyDescent="0.35">
      <c r="B165" t="s">
        <v>62</v>
      </c>
      <c r="C165" t="s">
        <v>338</v>
      </c>
      <c r="D165" s="4">
        <v>973.91</v>
      </c>
      <c r="E165" s="4"/>
      <c r="F165" s="4"/>
    </row>
    <row r="166" spans="1:6" outlineLevel="1" x14ac:dyDescent="0.35">
      <c r="C166" t="s">
        <v>151</v>
      </c>
      <c r="D166" s="4">
        <v>29521.58</v>
      </c>
      <c r="E166" s="4">
        <v>744.48000000000013</v>
      </c>
      <c r="F166" s="4"/>
    </row>
    <row r="167" spans="1:6" outlineLevel="1" x14ac:dyDescent="0.35">
      <c r="C167" t="s">
        <v>175</v>
      </c>
      <c r="D167" s="4">
        <v>13464.419999999998</v>
      </c>
      <c r="E167" s="4">
        <v>16.380000000000003</v>
      </c>
      <c r="F167" s="4"/>
    </row>
    <row r="168" spans="1:6" outlineLevel="1" x14ac:dyDescent="0.35">
      <c r="C168" t="s">
        <v>63</v>
      </c>
      <c r="D168" s="4">
        <v>10203.799999999994</v>
      </c>
      <c r="E168" s="4">
        <v>1075.8899999999999</v>
      </c>
      <c r="F168" s="4"/>
    </row>
    <row r="169" spans="1:6" outlineLevel="1" x14ac:dyDescent="0.35">
      <c r="C169" t="s">
        <v>274</v>
      </c>
      <c r="D169" s="4">
        <v>380.23</v>
      </c>
      <c r="E169" s="4">
        <v>165.99000000000004</v>
      </c>
      <c r="F169" s="4"/>
    </row>
    <row r="170" spans="1:6" outlineLevel="1" x14ac:dyDescent="0.35">
      <c r="C170" t="s">
        <v>272</v>
      </c>
      <c r="D170" s="4">
        <v>6404.2200000000021</v>
      </c>
      <c r="E170" s="4">
        <v>32878.720000000008</v>
      </c>
      <c r="F170" s="4">
        <v>-2177.7300000000014</v>
      </c>
    </row>
    <row r="171" spans="1:6" x14ac:dyDescent="0.35">
      <c r="A171" s="1" t="s">
        <v>346</v>
      </c>
      <c r="B171" s="1"/>
      <c r="C171" s="1"/>
      <c r="D171" s="3">
        <v>603577.25000000023</v>
      </c>
      <c r="E171" s="3">
        <v>482541.01999999979</v>
      </c>
      <c r="F171" s="3">
        <v>365183.55000000028</v>
      </c>
    </row>
    <row r="172" spans="1:6" outlineLevel="1" x14ac:dyDescent="0.35">
      <c r="A172" t="s">
        <v>7</v>
      </c>
      <c r="B172" t="s">
        <v>96</v>
      </c>
      <c r="C172" t="s">
        <v>232</v>
      </c>
      <c r="D172" s="4">
        <v>11627.23000000001</v>
      </c>
      <c r="E172" s="4">
        <v>16909.580000000002</v>
      </c>
      <c r="F172" s="4">
        <v>7864.7199999999984</v>
      </c>
    </row>
    <row r="173" spans="1:6" outlineLevel="1" x14ac:dyDescent="0.35">
      <c r="C173" t="s">
        <v>152</v>
      </c>
      <c r="D173" s="4">
        <v>150042.04999999999</v>
      </c>
      <c r="E173" s="4">
        <v>144064.81999999998</v>
      </c>
      <c r="F173" s="4">
        <v>128781.83000000005</v>
      </c>
    </row>
    <row r="174" spans="1:6" outlineLevel="1" x14ac:dyDescent="0.35">
      <c r="C174" t="s">
        <v>97</v>
      </c>
      <c r="D174" s="4">
        <v>149969.27999999997</v>
      </c>
      <c r="E174" s="4">
        <v>127175.73999999998</v>
      </c>
      <c r="F174" s="4">
        <v>120924.99000000002</v>
      </c>
    </row>
    <row r="175" spans="1:6" outlineLevel="1" x14ac:dyDescent="0.35">
      <c r="C175" t="s">
        <v>107</v>
      </c>
      <c r="D175" s="4">
        <v>90362.2</v>
      </c>
      <c r="E175" s="4">
        <v>80232.469999999987</v>
      </c>
      <c r="F175" s="4">
        <v>82120.239999999976</v>
      </c>
    </row>
    <row r="176" spans="1:6" outlineLevel="1" x14ac:dyDescent="0.35">
      <c r="C176" t="s">
        <v>166</v>
      </c>
      <c r="D176" s="4">
        <v>102532.14999999998</v>
      </c>
      <c r="E176" s="4">
        <v>94855.119999999952</v>
      </c>
      <c r="F176" s="4">
        <v>105073.32999999993</v>
      </c>
    </row>
    <row r="177" spans="2:6" outlineLevel="1" x14ac:dyDescent="0.35">
      <c r="C177" t="s">
        <v>327</v>
      </c>
      <c r="D177" s="4"/>
      <c r="E177" s="4"/>
      <c r="F177" s="4">
        <v>44714.650000000009</v>
      </c>
    </row>
    <row r="178" spans="2:6" outlineLevel="1" x14ac:dyDescent="0.35">
      <c r="B178" t="s">
        <v>171</v>
      </c>
      <c r="C178" t="s">
        <v>171</v>
      </c>
      <c r="D178" s="4">
        <v>208057.48000000007</v>
      </c>
      <c r="E178" s="4">
        <v>146096.16000000003</v>
      </c>
      <c r="F178" s="4">
        <v>182833.24000000008</v>
      </c>
    </row>
    <row r="179" spans="2:6" outlineLevel="1" x14ac:dyDescent="0.35">
      <c r="B179" t="s">
        <v>31</v>
      </c>
      <c r="C179" t="s">
        <v>32</v>
      </c>
      <c r="D179" s="4">
        <v>283642.69000000006</v>
      </c>
      <c r="E179" s="4">
        <v>268758.53999999992</v>
      </c>
      <c r="F179" s="4">
        <v>254463.00000000017</v>
      </c>
    </row>
    <row r="180" spans="2:6" outlineLevel="1" x14ac:dyDescent="0.35">
      <c r="C180" t="s">
        <v>226</v>
      </c>
      <c r="D180" s="4">
        <v>16654.530000000002</v>
      </c>
      <c r="E180" s="4"/>
      <c r="F180" s="4">
        <v>116.5</v>
      </c>
    </row>
    <row r="181" spans="2:6" outlineLevel="1" x14ac:dyDescent="0.35">
      <c r="C181" t="s">
        <v>185</v>
      </c>
      <c r="D181" s="4">
        <v>255913.02000000011</v>
      </c>
      <c r="E181" s="4">
        <v>372812.81999999972</v>
      </c>
      <c r="F181" s="4">
        <v>162713.93000000014</v>
      </c>
    </row>
    <row r="182" spans="2:6" outlineLevel="1" x14ac:dyDescent="0.35">
      <c r="C182" t="s">
        <v>78</v>
      </c>
      <c r="D182" s="4">
        <v>22935.969999999998</v>
      </c>
      <c r="E182" s="4">
        <v>13.139999999999999</v>
      </c>
      <c r="F182" s="4">
        <v>17489.299999999996</v>
      </c>
    </row>
    <row r="183" spans="2:6" outlineLevel="1" x14ac:dyDescent="0.35">
      <c r="C183" t="s">
        <v>143</v>
      </c>
      <c r="D183" s="4">
        <v>252251.12999999992</v>
      </c>
      <c r="E183" s="4">
        <v>500621.41999999993</v>
      </c>
      <c r="F183" s="4">
        <v>237729.31000000006</v>
      </c>
    </row>
    <row r="184" spans="2:6" outlineLevel="1" x14ac:dyDescent="0.35">
      <c r="C184" t="s">
        <v>163</v>
      </c>
      <c r="D184" s="4">
        <v>66950.51999999999</v>
      </c>
      <c r="E184" s="4">
        <v>80411.989999999991</v>
      </c>
      <c r="F184" s="4">
        <v>109465.01999999992</v>
      </c>
    </row>
    <row r="185" spans="2:6" outlineLevel="1" x14ac:dyDescent="0.35">
      <c r="C185" t="s">
        <v>285</v>
      </c>
      <c r="D185" s="4">
        <v>48123.299999999988</v>
      </c>
      <c r="E185" s="4">
        <v>62978.209999999992</v>
      </c>
      <c r="F185" s="4">
        <v>156.65</v>
      </c>
    </row>
    <row r="186" spans="2:6" outlineLevel="1" x14ac:dyDescent="0.35">
      <c r="C186" t="s">
        <v>304</v>
      </c>
      <c r="D186" s="4"/>
      <c r="E186" s="4">
        <v>31220.039999999997</v>
      </c>
      <c r="F186" s="4">
        <v>101584.54999999996</v>
      </c>
    </row>
    <row r="187" spans="2:6" outlineLevel="1" x14ac:dyDescent="0.35">
      <c r="B187" t="s">
        <v>8</v>
      </c>
      <c r="C187" t="s">
        <v>9</v>
      </c>
      <c r="D187" s="4">
        <v>3297602.9000000036</v>
      </c>
      <c r="E187" s="4">
        <v>3351743.4399999995</v>
      </c>
      <c r="F187" s="4">
        <v>3787267.8799999971</v>
      </c>
    </row>
    <row r="188" spans="2:6" outlineLevel="1" x14ac:dyDescent="0.35">
      <c r="C188" t="s">
        <v>211</v>
      </c>
      <c r="D188" s="4">
        <v>83767.91</v>
      </c>
      <c r="E188" s="4">
        <v>430332.69000000012</v>
      </c>
      <c r="F188" s="4">
        <v>156223.10999999999</v>
      </c>
    </row>
    <row r="189" spans="2:6" outlineLevel="1" x14ac:dyDescent="0.35">
      <c r="C189" t="s">
        <v>201</v>
      </c>
      <c r="D189" s="4">
        <v>132957.59999999995</v>
      </c>
      <c r="E189" s="4">
        <v>137300.5799999999</v>
      </c>
      <c r="F189" s="4">
        <v>87735.849999999919</v>
      </c>
    </row>
    <row r="190" spans="2:6" outlineLevel="1" x14ac:dyDescent="0.35">
      <c r="C190" t="s">
        <v>21</v>
      </c>
      <c r="D190" s="4">
        <v>367045.41000000009</v>
      </c>
      <c r="E190" s="4">
        <v>441902.33999999997</v>
      </c>
      <c r="F190" s="4">
        <v>549776.49</v>
      </c>
    </row>
    <row r="191" spans="2:6" outlineLevel="1" x14ac:dyDescent="0.35">
      <c r="C191" t="s">
        <v>17</v>
      </c>
      <c r="D191" s="4">
        <v>192181.89999999997</v>
      </c>
      <c r="E191" s="4">
        <v>167808.02999999977</v>
      </c>
      <c r="F191" s="4">
        <v>157979.35000000018</v>
      </c>
    </row>
    <row r="192" spans="2:6" outlineLevel="1" x14ac:dyDescent="0.35">
      <c r="C192" t="s">
        <v>137</v>
      </c>
      <c r="D192" s="4">
        <v>91912.6</v>
      </c>
      <c r="E192" s="4">
        <v>82174.11000000003</v>
      </c>
      <c r="F192" s="4">
        <v>58598.300000000017</v>
      </c>
    </row>
    <row r="193" spans="1:6" outlineLevel="1" x14ac:dyDescent="0.35">
      <c r="C193" t="s">
        <v>247</v>
      </c>
      <c r="D193" s="4">
        <v>49582.199999999983</v>
      </c>
      <c r="E193" s="4">
        <v>605482.09000000043</v>
      </c>
      <c r="F193" s="4">
        <v>60383.389999999992</v>
      </c>
    </row>
    <row r="194" spans="1:6" outlineLevel="1" x14ac:dyDescent="0.35">
      <c r="B194" t="s">
        <v>144</v>
      </c>
      <c r="C194" t="s">
        <v>144</v>
      </c>
      <c r="D194" s="4">
        <v>114209.56999999998</v>
      </c>
      <c r="E194" s="4">
        <v>622686.83999999939</v>
      </c>
      <c r="F194" s="4">
        <v>681548.55000000016</v>
      </c>
    </row>
    <row r="195" spans="1:6" outlineLevel="1" x14ac:dyDescent="0.35">
      <c r="B195" t="s">
        <v>276</v>
      </c>
      <c r="C195" t="s">
        <v>276</v>
      </c>
      <c r="D195" s="4">
        <v>2458.0400000000004</v>
      </c>
      <c r="E195" s="4"/>
      <c r="F195" s="4"/>
    </row>
    <row r="196" spans="1:6" x14ac:dyDescent="0.35">
      <c r="A196" s="1" t="s">
        <v>347</v>
      </c>
      <c r="B196" s="1"/>
      <c r="C196" s="1"/>
      <c r="D196" s="3">
        <v>5990779.6799999997</v>
      </c>
      <c r="E196" s="3">
        <v>7765580.1699999981</v>
      </c>
      <c r="F196" s="3">
        <v>7095544.1799999978</v>
      </c>
    </row>
    <row r="197" spans="1:6" outlineLevel="1" x14ac:dyDescent="0.35">
      <c r="A197" t="s">
        <v>50</v>
      </c>
      <c r="B197" t="s">
        <v>56</v>
      </c>
      <c r="C197" t="s">
        <v>191</v>
      </c>
      <c r="D197" s="4">
        <v>1302123.9300000023</v>
      </c>
      <c r="E197" s="4">
        <v>1314552.8399999994</v>
      </c>
      <c r="F197" s="4">
        <v>596501.48999999987</v>
      </c>
    </row>
    <row r="198" spans="1:6" outlineLevel="1" x14ac:dyDescent="0.35">
      <c r="C198" t="s">
        <v>57</v>
      </c>
      <c r="D198" s="4">
        <v>138431.34000000005</v>
      </c>
      <c r="E198" s="4">
        <v>1035387.0500000002</v>
      </c>
      <c r="F198" s="4">
        <v>454714.74000000011</v>
      </c>
    </row>
    <row r="199" spans="1:6" outlineLevel="1" x14ac:dyDescent="0.35">
      <c r="C199" t="s">
        <v>198</v>
      </c>
      <c r="D199" s="4">
        <v>46075.390000000007</v>
      </c>
      <c r="E199" s="4">
        <v>24016.2</v>
      </c>
      <c r="F199" s="4">
        <v>2397.2400000000052</v>
      </c>
    </row>
    <row r="200" spans="1:6" outlineLevel="1" x14ac:dyDescent="0.35">
      <c r="C200" t="s">
        <v>158</v>
      </c>
      <c r="D200" s="4">
        <v>903557.93000000017</v>
      </c>
      <c r="E200" s="4">
        <v>68054.530000000173</v>
      </c>
      <c r="F200" s="4">
        <v>179436.64999999967</v>
      </c>
    </row>
    <row r="201" spans="1:6" outlineLevel="1" x14ac:dyDescent="0.35">
      <c r="C201" t="s">
        <v>292</v>
      </c>
      <c r="D201" s="4">
        <v>18879.419999999998</v>
      </c>
      <c r="E201" s="4">
        <v>198494.91</v>
      </c>
      <c r="F201" s="4">
        <v>20655.619999999963</v>
      </c>
    </row>
    <row r="202" spans="1:6" outlineLevel="1" x14ac:dyDescent="0.35">
      <c r="C202" t="s">
        <v>297</v>
      </c>
      <c r="D202" s="4">
        <v>-66571.009999999995</v>
      </c>
      <c r="E202" s="4"/>
      <c r="F202" s="4"/>
    </row>
    <row r="203" spans="1:6" outlineLevel="1" x14ac:dyDescent="0.35">
      <c r="C203" t="s">
        <v>136</v>
      </c>
      <c r="D203" s="4">
        <v>1714477.9800000004</v>
      </c>
      <c r="E203" s="4">
        <v>562328.4600000002</v>
      </c>
      <c r="F203" s="4">
        <v>535525.2499999993</v>
      </c>
    </row>
    <row r="204" spans="1:6" outlineLevel="1" x14ac:dyDescent="0.35">
      <c r="C204" t="s">
        <v>337</v>
      </c>
      <c r="D204" s="4"/>
      <c r="E204" s="4"/>
      <c r="F204" s="4">
        <v>4816.2100000000009</v>
      </c>
    </row>
    <row r="205" spans="1:6" outlineLevel="1" x14ac:dyDescent="0.35">
      <c r="C205" t="s">
        <v>60</v>
      </c>
      <c r="D205" s="4">
        <v>95795.47</v>
      </c>
      <c r="E205" s="4">
        <v>101815.67999999995</v>
      </c>
      <c r="F205" s="4">
        <v>129468.45999999996</v>
      </c>
    </row>
    <row r="206" spans="1:6" outlineLevel="1" x14ac:dyDescent="0.35">
      <c r="C206" t="s">
        <v>129</v>
      </c>
      <c r="D206" s="4">
        <v>621288.47</v>
      </c>
      <c r="E206" s="4">
        <v>690592.8399999995</v>
      </c>
      <c r="F206" s="4">
        <v>636799.20000000007</v>
      </c>
    </row>
    <row r="207" spans="1:6" outlineLevel="1" x14ac:dyDescent="0.35">
      <c r="C207" t="s">
        <v>199</v>
      </c>
      <c r="D207" s="4">
        <v>496338.16000000015</v>
      </c>
      <c r="E207" s="4">
        <v>530520.87999999977</v>
      </c>
      <c r="F207" s="4">
        <v>523908.02999999974</v>
      </c>
    </row>
    <row r="208" spans="1:6" outlineLevel="1" x14ac:dyDescent="0.35">
      <c r="C208" t="s">
        <v>100</v>
      </c>
      <c r="D208" s="4">
        <v>32860.209999999985</v>
      </c>
      <c r="E208" s="4">
        <v>12465.29</v>
      </c>
      <c r="F208" s="4">
        <v>44548.57999999998</v>
      </c>
    </row>
    <row r="209" spans="2:6" outlineLevel="1" x14ac:dyDescent="0.35">
      <c r="B209" t="s">
        <v>54</v>
      </c>
      <c r="C209" t="s">
        <v>148</v>
      </c>
      <c r="D209" s="4">
        <v>-754.53</v>
      </c>
      <c r="E209" s="4">
        <v>107.91999999999997</v>
      </c>
      <c r="F209" s="4">
        <v>-347.94</v>
      </c>
    </row>
    <row r="210" spans="2:6" outlineLevel="1" x14ac:dyDescent="0.35">
      <c r="C210" t="s">
        <v>131</v>
      </c>
      <c r="D210" s="4">
        <v>186808.50000000012</v>
      </c>
      <c r="E210" s="4">
        <v>220488.89999999988</v>
      </c>
      <c r="F210" s="4">
        <v>281787.76000000007</v>
      </c>
    </row>
    <row r="211" spans="2:6" outlineLevel="1" x14ac:dyDescent="0.35">
      <c r="C211" t="s">
        <v>125</v>
      </c>
      <c r="D211" s="4">
        <v>229522.22000000012</v>
      </c>
      <c r="E211" s="4">
        <v>426624.22999999992</v>
      </c>
      <c r="F211" s="4">
        <v>427572.35999999987</v>
      </c>
    </row>
    <row r="212" spans="2:6" outlineLevel="1" x14ac:dyDescent="0.35">
      <c r="C212" t="s">
        <v>55</v>
      </c>
      <c r="D212" s="4">
        <v>1163116.830000001</v>
      </c>
      <c r="E212" s="4">
        <v>885014.12999999989</v>
      </c>
      <c r="F212" s="4">
        <v>1052739.4400000006</v>
      </c>
    </row>
    <row r="213" spans="2:6" outlineLevel="1" x14ac:dyDescent="0.35">
      <c r="C213" t="s">
        <v>86</v>
      </c>
      <c r="D213" s="4">
        <v>345855.19000000018</v>
      </c>
      <c r="E213" s="4">
        <v>364226.87999999931</v>
      </c>
      <c r="F213" s="4">
        <v>213776.08000000002</v>
      </c>
    </row>
    <row r="214" spans="2:6" outlineLevel="1" x14ac:dyDescent="0.35">
      <c r="C214" t="s">
        <v>161</v>
      </c>
      <c r="D214" s="4">
        <v>322867.56999999995</v>
      </c>
      <c r="E214" s="4">
        <v>147589.51999999996</v>
      </c>
      <c r="F214" s="4">
        <v>487228.06999999954</v>
      </c>
    </row>
    <row r="215" spans="2:6" outlineLevel="1" x14ac:dyDescent="0.35">
      <c r="C215" t="s">
        <v>140</v>
      </c>
      <c r="D215" s="4">
        <v>258442.70999999993</v>
      </c>
      <c r="E215" s="4">
        <v>289311.35999999999</v>
      </c>
      <c r="F215" s="4">
        <v>164411.11999999994</v>
      </c>
    </row>
    <row r="216" spans="2:6" outlineLevel="1" x14ac:dyDescent="0.35">
      <c r="B216" t="s">
        <v>84</v>
      </c>
      <c r="C216" t="s">
        <v>187</v>
      </c>
      <c r="D216" s="4">
        <v>108447.49000000003</v>
      </c>
      <c r="E216" s="4">
        <v>48644.460000000006</v>
      </c>
      <c r="F216" s="4">
        <v>43481.100000000013</v>
      </c>
    </row>
    <row r="217" spans="2:6" outlineLevel="1" x14ac:dyDescent="0.35">
      <c r="C217" t="s">
        <v>85</v>
      </c>
      <c r="D217" s="4">
        <v>99411.160000000018</v>
      </c>
      <c r="E217" s="4">
        <v>61870.650000000067</v>
      </c>
      <c r="F217" s="4">
        <v>13092.919999999998</v>
      </c>
    </row>
    <row r="218" spans="2:6" outlineLevel="1" x14ac:dyDescent="0.35">
      <c r="B218" t="s">
        <v>309</v>
      </c>
      <c r="C218" t="s">
        <v>309</v>
      </c>
      <c r="D218" s="4"/>
      <c r="E218" s="4">
        <v>39106.57</v>
      </c>
      <c r="F218" s="4">
        <v>53660.929999999957</v>
      </c>
    </row>
    <row r="219" spans="2:6" outlineLevel="1" x14ac:dyDescent="0.35">
      <c r="B219" t="s">
        <v>58</v>
      </c>
      <c r="C219" t="s">
        <v>59</v>
      </c>
      <c r="D219" s="4">
        <v>1111394.6400000006</v>
      </c>
      <c r="E219" s="4">
        <v>932158.51000000047</v>
      </c>
      <c r="F219" s="4">
        <v>782544.57000000053</v>
      </c>
    </row>
    <row r="220" spans="2:6" outlineLevel="1" x14ac:dyDescent="0.35">
      <c r="C220" t="s">
        <v>157</v>
      </c>
      <c r="D220" s="4">
        <v>686438.73999999976</v>
      </c>
      <c r="E220" s="4">
        <v>800827.87000000046</v>
      </c>
      <c r="F220" s="4">
        <v>775333.86999999953</v>
      </c>
    </row>
    <row r="221" spans="2:6" outlineLevel="1" x14ac:dyDescent="0.35">
      <c r="C221" t="s">
        <v>146</v>
      </c>
      <c r="D221" s="4">
        <v>230375.30000000008</v>
      </c>
      <c r="E221" s="4">
        <v>563364.04000000015</v>
      </c>
      <c r="F221" s="4">
        <v>463390.77</v>
      </c>
    </row>
    <row r="222" spans="2:6" outlineLevel="1" x14ac:dyDescent="0.35">
      <c r="C222" t="s">
        <v>323</v>
      </c>
      <c r="D222" s="4"/>
      <c r="E222" s="4"/>
      <c r="F222" s="4">
        <v>230178.40000000008</v>
      </c>
    </row>
    <row r="223" spans="2:6" outlineLevel="1" x14ac:dyDescent="0.35">
      <c r="C223" t="s">
        <v>326</v>
      </c>
      <c r="D223" s="4"/>
      <c r="E223" s="4"/>
      <c r="F223" s="4">
        <v>142984.72000000006</v>
      </c>
    </row>
    <row r="224" spans="2:6" outlineLevel="1" x14ac:dyDescent="0.35">
      <c r="C224" t="s">
        <v>197</v>
      </c>
      <c r="D224" s="4">
        <v>73188.92</v>
      </c>
      <c r="E224" s="4">
        <v>78239.439999999988</v>
      </c>
      <c r="F224" s="4">
        <v>497286.77</v>
      </c>
    </row>
    <row r="225" spans="2:6" outlineLevel="1" x14ac:dyDescent="0.35">
      <c r="C225" t="s">
        <v>205</v>
      </c>
      <c r="D225" s="4">
        <v>462835.25000000029</v>
      </c>
      <c r="E225" s="4">
        <v>237283.54999999987</v>
      </c>
      <c r="F225" s="4">
        <v>165696.13999999998</v>
      </c>
    </row>
    <row r="226" spans="2:6" outlineLevel="1" x14ac:dyDescent="0.35">
      <c r="C226" t="s">
        <v>216</v>
      </c>
      <c r="D226" s="4">
        <v>447826.53000000026</v>
      </c>
      <c r="E226" s="4">
        <v>390172.19999999978</v>
      </c>
      <c r="F226" s="4">
        <v>691171.37999999942</v>
      </c>
    </row>
    <row r="227" spans="2:6" outlineLevel="1" x14ac:dyDescent="0.35">
      <c r="C227" t="s">
        <v>336</v>
      </c>
      <c r="D227" s="4"/>
      <c r="E227" s="4"/>
      <c r="F227" s="4">
        <v>83122.529999999984</v>
      </c>
    </row>
    <row r="228" spans="2:6" outlineLevel="1" x14ac:dyDescent="0.35">
      <c r="B228" t="s">
        <v>51</v>
      </c>
      <c r="C228" t="s">
        <v>94</v>
      </c>
      <c r="D228" s="4">
        <v>1631154.5700000008</v>
      </c>
      <c r="E228" s="4">
        <v>722805.30999999994</v>
      </c>
      <c r="F228" s="4">
        <v>2613577.7299999986</v>
      </c>
    </row>
    <row r="229" spans="2:6" outlineLevel="1" x14ac:dyDescent="0.35">
      <c r="C229" t="s">
        <v>77</v>
      </c>
      <c r="D229" s="4">
        <v>568910.53000000061</v>
      </c>
      <c r="E229" s="4">
        <v>281270.44000000018</v>
      </c>
      <c r="F229" s="4">
        <v>74422.030000000042</v>
      </c>
    </row>
    <row r="230" spans="2:6" outlineLevel="1" x14ac:dyDescent="0.35">
      <c r="C230" t="s">
        <v>128</v>
      </c>
      <c r="D230" s="4">
        <v>250256.97000000032</v>
      </c>
      <c r="E230" s="4">
        <v>246585.03999999998</v>
      </c>
      <c r="F230" s="4">
        <v>176373.80999999994</v>
      </c>
    </row>
    <row r="231" spans="2:6" outlineLevel="1" x14ac:dyDescent="0.35">
      <c r="C231" t="s">
        <v>149</v>
      </c>
      <c r="D231" s="4">
        <v>39777.700000000048</v>
      </c>
      <c r="E231" s="4">
        <v>106325.73999999998</v>
      </c>
      <c r="F231" s="4">
        <v>70479.109999999971</v>
      </c>
    </row>
    <row r="232" spans="2:6" outlineLevel="1" x14ac:dyDescent="0.35">
      <c r="C232" t="s">
        <v>324</v>
      </c>
      <c r="D232" s="4"/>
      <c r="E232" s="4"/>
      <c r="F232" s="4">
        <v>769277.43999999994</v>
      </c>
    </row>
    <row r="233" spans="2:6" outlineLevel="1" x14ac:dyDescent="0.35">
      <c r="C233" t="s">
        <v>130</v>
      </c>
      <c r="D233" s="4">
        <v>459727.03999999992</v>
      </c>
      <c r="E233" s="4">
        <v>260391.66000000018</v>
      </c>
      <c r="F233" s="4">
        <v>333429.10000000003</v>
      </c>
    </row>
    <row r="234" spans="2:6" outlineLevel="1" x14ac:dyDescent="0.35">
      <c r="C234" t="s">
        <v>83</v>
      </c>
      <c r="D234" s="4">
        <v>63062.109999999913</v>
      </c>
      <c r="E234" s="4">
        <v>477400.25000000023</v>
      </c>
      <c r="F234" s="4">
        <v>450376.48000000016</v>
      </c>
    </row>
    <row r="235" spans="2:6" outlineLevel="1" x14ac:dyDescent="0.35">
      <c r="C235" t="s">
        <v>52</v>
      </c>
      <c r="D235" s="4">
        <v>113314.47999999985</v>
      </c>
      <c r="E235" s="4">
        <v>175344.10000000006</v>
      </c>
      <c r="F235" s="4">
        <v>159329.43999999992</v>
      </c>
    </row>
    <row r="236" spans="2:6" outlineLevel="1" x14ac:dyDescent="0.35">
      <c r="C236" t="s">
        <v>202</v>
      </c>
      <c r="D236" s="4">
        <v>110936.69999999992</v>
      </c>
      <c r="E236" s="4">
        <v>106841.62000000008</v>
      </c>
      <c r="F236" s="4">
        <v>251864.78999999998</v>
      </c>
    </row>
    <row r="237" spans="2:6" outlineLevel="1" x14ac:dyDescent="0.35">
      <c r="B237" t="s">
        <v>154</v>
      </c>
      <c r="C237" t="s">
        <v>156</v>
      </c>
      <c r="D237" s="4">
        <v>14995.95000000001</v>
      </c>
      <c r="E237" s="4">
        <v>5940.6100000000006</v>
      </c>
      <c r="F237" s="4">
        <v>7853.2999999999938</v>
      </c>
    </row>
    <row r="238" spans="2:6" outlineLevel="1" x14ac:dyDescent="0.35">
      <c r="C238" t="s">
        <v>325</v>
      </c>
      <c r="D238" s="4"/>
      <c r="E238" s="4"/>
      <c r="F238" s="4">
        <v>25360.840000000004</v>
      </c>
    </row>
    <row r="239" spans="2:6" outlineLevel="1" x14ac:dyDescent="0.35">
      <c r="C239" t="s">
        <v>155</v>
      </c>
      <c r="D239" s="4">
        <v>45157.569999999985</v>
      </c>
      <c r="E239" s="4">
        <v>28297.590000000011</v>
      </c>
      <c r="F239" s="4">
        <v>39745.139999999985</v>
      </c>
    </row>
    <row r="240" spans="2:6" outlineLevel="1" x14ac:dyDescent="0.35">
      <c r="C240" t="s">
        <v>290</v>
      </c>
      <c r="D240" s="4">
        <v>1502.61</v>
      </c>
      <c r="E240" s="4">
        <v>1638.33</v>
      </c>
      <c r="F240" s="4">
        <v>2331.37</v>
      </c>
    </row>
    <row r="241" spans="1:6" x14ac:dyDescent="0.35">
      <c r="A241" s="1" t="s">
        <v>348</v>
      </c>
      <c r="B241" s="1"/>
      <c r="C241" s="1"/>
      <c r="D241" s="3">
        <v>14327830.040000005</v>
      </c>
      <c r="E241" s="3">
        <v>12436099.599999998</v>
      </c>
      <c r="F241" s="3">
        <v>14672303.039999994</v>
      </c>
    </row>
    <row r="242" spans="1:6" outlineLevel="1" x14ac:dyDescent="0.35">
      <c r="A242" t="s">
        <v>26</v>
      </c>
      <c r="B242" t="s">
        <v>117</v>
      </c>
      <c r="C242" t="s">
        <v>235</v>
      </c>
      <c r="D242" s="4">
        <v>69232.599999999948</v>
      </c>
      <c r="E242" s="4">
        <v>35357.229999999981</v>
      </c>
      <c r="F242" s="4">
        <v>35729.72</v>
      </c>
    </row>
    <row r="243" spans="1:6" outlineLevel="1" x14ac:dyDescent="0.35">
      <c r="C243" t="s">
        <v>192</v>
      </c>
      <c r="D243" s="4">
        <v>277606.20000000007</v>
      </c>
      <c r="E243" s="4">
        <v>227043.66000000009</v>
      </c>
      <c r="F243" s="4">
        <v>3736.3300000000004</v>
      </c>
    </row>
    <row r="244" spans="1:6" outlineLevel="1" x14ac:dyDescent="0.35">
      <c r="C244" t="s">
        <v>193</v>
      </c>
      <c r="D244" s="4">
        <v>89110.630000000092</v>
      </c>
      <c r="E244" s="4">
        <v>88219.629999999976</v>
      </c>
      <c r="F244" s="4">
        <v>254.29</v>
      </c>
    </row>
    <row r="245" spans="1:6" outlineLevel="1" x14ac:dyDescent="0.35">
      <c r="C245" t="s">
        <v>231</v>
      </c>
      <c r="D245" s="4">
        <v>223702.42000000004</v>
      </c>
      <c r="E245" s="4">
        <v>165181.11000000013</v>
      </c>
      <c r="F245" s="4">
        <v>254908.53999999995</v>
      </c>
    </row>
    <row r="246" spans="1:6" outlineLevel="1" x14ac:dyDescent="0.35">
      <c r="C246" t="s">
        <v>118</v>
      </c>
      <c r="D246" s="4">
        <v>39969.339999999997</v>
      </c>
      <c r="E246" s="4">
        <v>29048.039999999994</v>
      </c>
      <c r="F246" s="4">
        <v>49591.98</v>
      </c>
    </row>
    <row r="247" spans="1:6" outlineLevel="1" x14ac:dyDescent="0.35">
      <c r="C247" t="s">
        <v>255</v>
      </c>
      <c r="D247" s="4">
        <v>194461.9</v>
      </c>
      <c r="E247" s="4">
        <v>23361.539999999997</v>
      </c>
      <c r="F247" s="4">
        <v>-127.62999999999998</v>
      </c>
    </row>
    <row r="248" spans="1:6" outlineLevel="1" x14ac:dyDescent="0.35">
      <c r="C248" t="s">
        <v>321</v>
      </c>
      <c r="D248" s="4"/>
      <c r="E248" s="4"/>
      <c r="F248" s="4">
        <v>48634.049999999974</v>
      </c>
    </row>
    <row r="249" spans="1:6" outlineLevel="1" x14ac:dyDescent="0.35">
      <c r="C249" t="s">
        <v>313</v>
      </c>
      <c r="D249" s="4"/>
      <c r="E249" s="4"/>
      <c r="F249" s="4">
        <v>77877.039999999964</v>
      </c>
    </row>
    <row r="250" spans="1:6" outlineLevel="1" x14ac:dyDescent="0.35">
      <c r="C250" t="s">
        <v>315</v>
      </c>
      <c r="D250" s="4"/>
      <c r="E250" s="4">
        <v>14.77</v>
      </c>
      <c r="F250" s="4">
        <v>341011.64999999967</v>
      </c>
    </row>
    <row r="251" spans="1:6" outlineLevel="1" x14ac:dyDescent="0.35">
      <c r="C251" t="s">
        <v>318</v>
      </c>
      <c r="D251" s="4"/>
      <c r="E251" s="4"/>
      <c r="F251" s="4">
        <v>17655.36</v>
      </c>
    </row>
    <row r="252" spans="1:6" outlineLevel="1" x14ac:dyDescent="0.35">
      <c r="C252" t="s">
        <v>312</v>
      </c>
      <c r="D252" s="4"/>
      <c r="E252" s="4">
        <v>17</v>
      </c>
      <c r="F252" s="4">
        <v>675736.28999999934</v>
      </c>
    </row>
    <row r="253" spans="1:6" outlineLevel="1" x14ac:dyDescent="0.35">
      <c r="C253" t="s">
        <v>316</v>
      </c>
      <c r="D253" s="4"/>
      <c r="E253" s="4"/>
      <c r="F253" s="4">
        <v>5356.5700000000006</v>
      </c>
    </row>
    <row r="254" spans="1:6" outlineLevel="1" x14ac:dyDescent="0.35">
      <c r="B254" t="s">
        <v>42</v>
      </c>
      <c r="C254" t="s">
        <v>220</v>
      </c>
      <c r="D254" s="4">
        <v>839602.3200000003</v>
      </c>
      <c r="E254" s="4">
        <v>967049.71000000008</v>
      </c>
      <c r="F254" s="4">
        <v>623694.03</v>
      </c>
    </row>
    <row r="255" spans="1:6" outlineLevel="1" x14ac:dyDescent="0.35">
      <c r="C255" t="s">
        <v>121</v>
      </c>
      <c r="D255" s="4">
        <v>803305.73000000068</v>
      </c>
      <c r="E255" s="4">
        <v>651949.86</v>
      </c>
      <c r="F255" s="4">
        <v>842080.82000000018</v>
      </c>
    </row>
    <row r="256" spans="1:6" outlineLevel="1" x14ac:dyDescent="0.35">
      <c r="C256" t="s">
        <v>43</v>
      </c>
      <c r="D256" s="4">
        <v>52110</v>
      </c>
      <c r="E256" s="4">
        <v>5986.0200000000013</v>
      </c>
      <c r="F256" s="4">
        <v>629.3399999999998</v>
      </c>
    </row>
    <row r="257" spans="2:6" outlineLevel="1" x14ac:dyDescent="0.35">
      <c r="C257" t="s">
        <v>141</v>
      </c>
      <c r="D257" s="4">
        <v>454244.09999999986</v>
      </c>
      <c r="E257" s="4">
        <v>362493.23000000004</v>
      </c>
      <c r="F257" s="4">
        <v>337124.82000000041</v>
      </c>
    </row>
    <row r="258" spans="2:6" outlineLevel="1" x14ac:dyDescent="0.35">
      <c r="C258" t="s">
        <v>82</v>
      </c>
      <c r="D258" s="4">
        <v>297872.87000000023</v>
      </c>
      <c r="E258" s="4">
        <v>332363.32999999984</v>
      </c>
      <c r="F258" s="4">
        <v>445550.81999999983</v>
      </c>
    </row>
    <row r="259" spans="2:6" outlineLevel="1" x14ac:dyDescent="0.35">
      <c r="C259" t="s">
        <v>237</v>
      </c>
      <c r="D259" s="4">
        <v>2566.4900000000002</v>
      </c>
      <c r="E259" s="4">
        <v>12834.989999999996</v>
      </c>
      <c r="F259" s="4">
        <v>42731.14</v>
      </c>
    </row>
    <row r="260" spans="2:6" outlineLevel="1" x14ac:dyDescent="0.35">
      <c r="C260" t="s">
        <v>160</v>
      </c>
      <c r="D260" s="4">
        <v>260683.73</v>
      </c>
      <c r="E260" s="4">
        <v>254140.40999999995</v>
      </c>
      <c r="F260" s="4">
        <v>239319.56999999995</v>
      </c>
    </row>
    <row r="261" spans="2:6" outlineLevel="1" x14ac:dyDescent="0.35">
      <c r="C261" t="s">
        <v>200</v>
      </c>
      <c r="D261" s="4">
        <v>417941.6400000006</v>
      </c>
      <c r="E261" s="4">
        <v>386894.09000000032</v>
      </c>
      <c r="F261" s="4">
        <v>324894</v>
      </c>
    </row>
    <row r="262" spans="2:6" outlineLevel="1" x14ac:dyDescent="0.35">
      <c r="C262" t="s">
        <v>311</v>
      </c>
      <c r="D262" s="4"/>
      <c r="E262" s="4">
        <v>5377.92</v>
      </c>
      <c r="F262" s="4">
        <v>156946.17999999991</v>
      </c>
    </row>
    <row r="263" spans="2:6" outlineLevel="1" x14ac:dyDescent="0.35">
      <c r="B263" t="s">
        <v>27</v>
      </c>
      <c r="C263" t="s">
        <v>28</v>
      </c>
      <c r="D263" s="4">
        <v>1187469.6600000004</v>
      </c>
      <c r="E263" s="4">
        <v>1202974.7400000023</v>
      </c>
      <c r="F263" s="4">
        <v>1342522.2700000014</v>
      </c>
    </row>
    <row r="264" spans="2:6" outlineLevel="1" x14ac:dyDescent="0.35">
      <c r="C264" t="s">
        <v>53</v>
      </c>
      <c r="D264" s="4">
        <v>133617.38000000015</v>
      </c>
      <c r="E264" s="4">
        <v>30027.569999999992</v>
      </c>
      <c r="F264" s="4">
        <v>3214.4700000000003</v>
      </c>
    </row>
    <row r="265" spans="2:6" outlineLevel="1" x14ac:dyDescent="0.35">
      <c r="C265" t="s">
        <v>233</v>
      </c>
      <c r="D265" s="4">
        <v>144264.36999999994</v>
      </c>
      <c r="E265" s="4">
        <v>253273.71999999997</v>
      </c>
      <c r="F265" s="4">
        <v>263470.83999999991</v>
      </c>
    </row>
    <row r="266" spans="2:6" outlineLevel="1" x14ac:dyDescent="0.35">
      <c r="C266" t="s">
        <v>188</v>
      </c>
      <c r="D266" s="4">
        <v>131733.61000000007</v>
      </c>
      <c r="E266" s="4">
        <v>89884.579999999914</v>
      </c>
      <c r="F266" s="4">
        <v>81920.88</v>
      </c>
    </row>
    <row r="267" spans="2:6" outlineLevel="1" x14ac:dyDescent="0.35">
      <c r="C267" t="s">
        <v>164</v>
      </c>
      <c r="D267" s="4">
        <v>142884.84999999998</v>
      </c>
      <c r="E267" s="4">
        <v>405608.31999999989</v>
      </c>
      <c r="F267" s="4">
        <v>428976.99000000005</v>
      </c>
    </row>
    <row r="268" spans="2:6" outlineLevel="1" x14ac:dyDescent="0.35">
      <c r="C268" t="s">
        <v>71</v>
      </c>
      <c r="D268" s="4">
        <v>112727.13999999996</v>
      </c>
      <c r="E268" s="4">
        <v>84238.290000000008</v>
      </c>
      <c r="F268" s="4">
        <v>118427.82999999997</v>
      </c>
    </row>
    <row r="269" spans="2:6" outlineLevel="1" x14ac:dyDescent="0.35">
      <c r="C269" t="s">
        <v>329</v>
      </c>
      <c r="D269" s="4"/>
      <c r="E269" s="4"/>
      <c r="F269" s="4">
        <v>36098.869999999959</v>
      </c>
    </row>
    <row r="270" spans="2:6" outlineLevel="1" x14ac:dyDescent="0.35">
      <c r="B270" t="s">
        <v>67</v>
      </c>
      <c r="C270" t="s">
        <v>186</v>
      </c>
      <c r="D270" s="4">
        <v>44216.789999999964</v>
      </c>
      <c r="E270" s="4">
        <v>45062.079999999994</v>
      </c>
      <c r="F270" s="4">
        <v>114819.8499999999</v>
      </c>
    </row>
    <row r="271" spans="2:6" outlineLevel="1" x14ac:dyDescent="0.35">
      <c r="C271" t="s">
        <v>267</v>
      </c>
      <c r="D271" s="4">
        <v>18478.489999999998</v>
      </c>
      <c r="E271" s="4">
        <v>14678.820000000007</v>
      </c>
      <c r="F271" s="4">
        <v>148165.01999999999</v>
      </c>
    </row>
    <row r="272" spans="2:6" outlineLevel="1" x14ac:dyDescent="0.35">
      <c r="C272" t="s">
        <v>283</v>
      </c>
      <c r="D272" s="4">
        <v>78187.12999999999</v>
      </c>
      <c r="E272" s="4">
        <v>132940.13</v>
      </c>
      <c r="F272" s="4">
        <v>128588.07999999996</v>
      </c>
    </row>
    <row r="273" spans="1:6" outlineLevel="1" x14ac:dyDescent="0.35">
      <c r="C273" t="s">
        <v>68</v>
      </c>
      <c r="D273" s="4">
        <v>789184.11000000127</v>
      </c>
      <c r="E273" s="4">
        <v>761241.10999999975</v>
      </c>
      <c r="F273" s="4">
        <v>1106762.7599999986</v>
      </c>
    </row>
    <row r="274" spans="1:6" outlineLevel="1" x14ac:dyDescent="0.35">
      <c r="C274" t="s">
        <v>322</v>
      </c>
      <c r="D274" s="4"/>
      <c r="E274" s="4"/>
      <c r="F274" s="4">
        <v>30757.749999999996</v>
      </c>
    </row>
    <row r="275" spans="1:6" outlineLevel="1" x14ac:dyDescent="0.35">
      <c r="C275" t="s">
        <v>331</v>
      </c>
      <c r="D275" s="4"/>
      <c r="E275" s="4"/>
      <c r="F275" s="4">
        <v>3255.67</v>
      </c>
    </row>
    <row r="276" spans="1:6" outlineLevel="1" x14ac:dyDescent="0.35">
      <c r="B276" t="s">
        <v>314</v>
      </c>
      <c r="C276" t="s">
        <v>314</v>
      </c>
      <c r="D276" s="4"/>
      <c r="E276" s="4"/>
      <c r="F276" s="4">
        <v>84204.039999999964</v>
      </c>
    </row>
    <row r="277" spans="1:6" x14ac:dyDescent="0.35">
      <c r="A277" s="1" t="s">
        <v>349</v>
      </c>
      <c r="B277" s="1"/>
      <c r="C277" s="1"/>
      <c r="D277" s="3">
        <v>6805173.5000000037</v>
      </c>
      <c r="E277" s="3">
        <v>6567261.9000000032</v>
      </c>
      <c r="F277" s="3">
        <v>8414520.2299999967</v>
      </c>
    </row>
    <row r="278" spans="1:6" outlineLevel="1" x14ac:dyDescent="0.35">
      <c r="A278" t="s">
        <v>87</v>
      </c>
      <c r="B278" t="s">
        <v>262</v>
      </c>
      <c r="C278" t="s">
        <v>262</v>
      </c>
      <c r="D278" s="4">
        <v>-2256418.2899999996</v>
      </c>
      <c r="E278" s="4">
        <v>-1335511.07</v>
      </c>
      <c r="F278" s="4">
        <v>-1281900.68</v>
      </c>
    </row>
    <row r="279" spans="1:6" outlineLevel="1" x14ac:dyDescent="0.35">
      <c r="B279" t="s">
        <v>273</v>
      </c>
      <c r="C279" t="s">
        <v>273</v>
      </c>
      <c r="D279" s="4">
        <v>-477451.6</v>
      </c>
      <c r="E279" s="4">
        <v>-459327.68000000011</v>
      </c>
      <c r="F279" s="4">
        <v>-382637.22999999992</v>
      </c>
    </row>
    <row r="280" spans="1:6" outlineLevel="1" x14ac:dyDescent="0.35">
      <c r="B280" t="s">
        <v>214</v>
      </c>
      <c r="C280" t="s">
        <v>214</v>
      </c>
      <c r="D280" s="4">
        <v>-132088.2900000001</v>
      </c>
      <c r="E280" s="4">
        <v>-676531.53000000014</v>
      </c>
      <c r="F280" s="4">
        <v>2451.8700000000354</v>
      </c>
    </row>
    <row r="281" spans="1:6" outlineLevel="1" x14ac:dyDescent="0.35">
      <c r="B281" t="s">
        <v>261</v>
      </c>
      <c r="C281" t="s">
        <v>261</v>
      </c>
      <c r="D281" s="4">
        <v>34149.769999999997</v>
      </c>
      <c r="E281" s="4">
        <v>7148.26</v>
      </c>
      <c r="F281" s="4">
        <v>13363.260000000002</v>
      </c>
    </row>
    <row r="282" spans="1:6" outlineLevel="1" x14ac:dyDescent="0.35">
      <c r="B282" t="s">
        <v>284</v>
      </c>
      <c r="C282" t="s">
        <v>284</v>
      </c>
      <c r="D282" s="4">
        <v>496.11</v>
      </c>
      <c r="E282" s="4">
        <v>71498.98</v>
      </c>
      <c r="F282" s="4">
        <v>9882.7000000000007</v>
      </c>
    </row>
    <row r="283" spans="1:6" outlineLevel="1" x14ac:dyDescent="0.35">
      <c r="B283" t="s">
        <v>88</v>
      </c>
      <c r="C283" t="s">
        <v>88</v>
      </c>
      <c r="D283" s="4">
        <v>-434400.79</v>
      </c>
      <c r="E283" s="4">
        <v>4315343.4799999986</v>
      </c>
      <c r="F283" s="4">
        <v>-1385158.0599999998</v>
      </c>
    </row>
    <row r="284" spans="1:6" outlineLevel="1" x14ac:dyDescent="0.35">
      <c r="B284" t="s">
        <v>165</v>
      </c>
      <c r="C284" t="s">
        <v>165</v>
      </c>
      <c r="D284" s="4">
        <v>201556.30999999997</v>
      </c>
      <c r="E284" s="4">
        <v>168080.85999999996</v>
      </c>
      <c r="F284" s="4">
        <v>244495.78999999995</v>
      </c>
    </row>
    <row r="285" spans="1:6" outlineLevel="1" x14ac:dyDescent="0.35">
      <c r="B285" t="s">
        <v>224</v>
      </c>
      <c r="C285" t="s">
        <v>224</v>
      </c>
      <c r="D285" s="4">
        <v>3269.1499999999996</v>
      </c>
      <c r="E285" s="4">
        <v>3542.3999999999974</v>
      </c>
      <c r="F285" s="4">
        <v>2028.0900000000001</v>
      </c>
    </row>
    <row r="286" spans="1:6" outlineLevel="1" x14ac:dyDescent="0.35">
      <c r="B286" t="s">
        <v>271</v>
      </c>
      <c r="C286" t="s">
        <v>271</v>
      </c>
      <c r="D286" s="4">
        <v>1664.01</v>
      </c>
      <c r="E286" s="4">
        <v>1431.84</v>
      </c>
      <c r="F286" s="4">
        <v>1321.3700000000001</v>
      </c>
    </row>
    <row r="287" spans="1:6" outlineLevel="1" x14ac:dyDescent="0.35">
      <c r="B287" t="s">
        <v>277</v>
      </c>
      <c r="C287" t="s">
        <v>277</v>
      </c>
      <c r="D287" s="4">
        <v>47139.520000000004</v>
      </c>
      <c r="E287" s="4">
        <v>20095.98</v>
      </c>
      <c r="F287" s="4">
        <v>25007.279999999999</v>
      </c>
    </row>
    <row r="288" spans="1:6" x14ac:dyDescent="0.35">
      <c r="A288" s="1" t="s">
        <v>350</v>
      </c>
      <c r="B288" s="1"/>
      <c r="C288" s="1"/>
      <c r="D288" s="5">
        <v>-3012084.1</v>
      </c>
      <c r="E288" s="5">
        <v>2115771.5199999982</v>
      </c>
      <c r="F288" s="5">
        <v>-2751145.61</v>
      </c>
    </row>
    <row r="289" spans="1:6" x14ac:dyDescent="0.35">
      <c r="A289" s="3" t="s">
        <v>339</v>
      </c>
      <c r="B289" s="3"/>
      <c r="C289" s="3"/>
      <c r="D289" s="3">
        <v>76955629.949999988</v>
      </c>
      <c r="E289" s="3">
        <v>70441889.789999962</v>
      </c>
      <c r="F289" s="3">
        <v>75198282.650000021</v>
      </c>
    </row>
  </sheetData>
  <mergeCells count="1">
    <mergeCell ref="D3:F3"/>
  </mergeCells>
  <pageMargins left="0.7" right="0.7" top="0.75" bottom="0.75" header="0.3" footer="0.3"/>
  <pageSetup orientation="portrait" r:id="rId1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WrappedLabelHistory xmlns:xsi="http://www.w3.org/2001/XMLSchema-instance" xmlns:xsd="http://www.w3.org/2001/XMLSchema" xmlns="http://www.boldonjames.com/2016/02/Classifier/internal/wrappedLabelHistory">
  <Value>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zMTE3MzU8L1VzZXJOYW1lPjxEYXRlVGltZT4zLzE0LzIwMjIgMTI6MDA6MTQgUE08L0RhdGVUaW1lPjxMYWJlbFN0cmluZz5BRVAgQ29uZmlkZW50aWFsPC9MYWJlbFN0cmluZz48L2l0ZW0+PC9sYWJlbEhpc3Rvcnk+</Value>
</WrappedLabelHistory>
</file>

<file path=customXml/item2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userSelected">
  <element uid="1f6a98d5-4e6a-406f-8258-3f07b61a1b98" value=""/>
  <element uid="74fb2a66-a6a0-4672-b6ad-488e5a4825d5" value=""/>
  <element uid="b760ada5-12be-4a99-9c58-e38655787e33" value=""/>
  <element uid="47257598-0c82-4402-9022-dc13d54aaf53" value=""/>
  <element uid="d14f5c36-f44a-4315-b438-005cfe8f069f" value=""/>
</sisl>
</file>

<file path=customXml/itemProps1.xml><?xml version="1.0" encoding="utf-8"?>
<ds:datastoreItem xmlns:ds="http://schemas.openxmlformats.org/officeDocument/2006/customXml" ds:itemID="{9B46E77A-C586-443C-8827-7D1423B5BF61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DD69DC09-EDB1-4D44-8D14-C532386347B3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ummary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86369</dc:creator>
  <cp:keywords>AEP Confidential</cp:keywords>
  <cp:lastModifiedBy>s293063</cp:lastModifiedBy>
  <dcterms:created xsi:type="dcterms:W3CDTF">2022-03-13T19:05:21Z</dcterms:created>
  <dcterms:modified xsi:type="dcterms:W3CDTF">2022-03-14T21:58:0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66a04cb4-0972-4749-a9b9-4b78f38eaefb</vt:lpwstr>
  </property>
  <property fmtid="{D5CDD505-2E9C-101B-9397-08002B2CF9AE}" pid="3" name="bjSaver">
    <vt:lpwstr>6EXY9LX7ilsWkf3BL9EUn8v8dtUUsOWL</vt:lpwstr>
  </property>
  <property fmtid="{D5CDD505-2E9C-101B-9397-08002B2CF9AE}" pid="4" name="bjDocumentLabelXML">
    <vt:lpwstr>&lt;?xml version="1.0" encoding="us-ascii"?&gt;&lt;sisl xmlns:xsi="http://www.w3.org/2001/XMLSchema-instance" xmlns:xsd="http://www.w3.org/2001/XMLSchema" sislVersion="0" policy="e9c0b8d7-bdb4-4fd3-b62a-f50327aaefce" origin="userSelected" xmlns="http://www.boldonj</vt:lpwstr>
  </property>
  <property fmtid="{D5CDD505-2E9C-101B-9397-08002B2CF9AE}" pid="5" name="bjDocumentLabelXML-0">
    <vt:lpwstr>ames.com/2008/01/sie/internal/label"&gt;&lt;element uid="1f6a98d5-4e6a-406f-8258-3f07b61a1b98" value="" /&gt;&lt;element uid="74fb2a66-a6a0-4672-b6ad-488e5a4825d5" value="" /&gt;&lt;element uid="b760ada5-12be-4a99-9c58-e38655787e33" value="" /&gt;&lt;element uid="47257598-0c82-4</vt:lpwstr>
  </property>
  <property fmtid="{D5CDD505-2E9C-101B-9397-08002B2CF9AE}" pid="6" name="bjDocumentLabelXML-1">
    <vt:lpwstr>402-9022-dc13d54aaf53" value="" /&gt;&lt;element uid="d14f5c36-f44a-4315-b438-005cfe8f069f" value="" /&gt;&lt;/sisl&gt;</vt:lpwstr>
  </property>
  <property fmtid="{D5CDD505-2E9C-101B-9397-08002B2CF9AE}" pid="7" name="bjDocumentSecurityLabel">
    <vt:lpwstr>AEP Confidential</vt:lpwstr>
  </property>
  <property fmtid="{D5CDD505-2E9C-101B-9397-08002B2CF9AE}" pid="8" name="bjClsUserRVM">
    <vt:lpwstr>[]</vt:lpwstr>
  </property>
  <property fmtid="{D5CDD505-2E9C-101B-9397-08002B2CF9AE}" pid="9" name="bjLabelHistoryID">
    <vt:lpwstr>{9B46E77A-C586-443C-8827-7D1423B5BF61}</vt:lpwstr>
  </property>
  <property fmtid="{D5CDD505-2E9C-101B-9397-08002B2CF9AE}" pid="10" name="bjCentreFooterLabel-first">
    <vt:lpwstr>&amp;"Calibri,Regular"&amp;11&amp;B&amp;K000000AEP CONFIDENTIAL</vt:lpwstr>
  </property>
  <property fmtid="{D5CDD505-2E9C-101B-9397-08002B2CF9AE}" pid="11" name="bjCentreFooterLabel-even">
    <vt:lpwstr>&amp;"Calibri,Regular"&amp;11&amp;B&amp;K000000AEP CONFIDENTIAL</vt:lpwstr>
  </property>
  <property fmtid="{D5CDD505-2E9C-101B-9397-08002B2CF9AE}" pid="12" name="bjCentreFooterLabel">
    <vt:lpwstr>&amp;"Calibri,Regular"&amp;11&amp;B&amp;K000000AEP CONFIDENTIAL</vt:lpwstr>
  </property>
</Properties>
</file>